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04" r:id="rId10"/>
  </p:sldMasterIdLst>
  <p:notesMasterIdLst>
    <p:notesMasterId r:id="rId13"/>
  </p:notesMasterIdLst>
  <p:handoutMasterIdLst>
    <p:handoutMasterId r:id="rId14"/>
  </p:handoutMasterIdLst>
  <p:sldIdLst>
    <p:sldId id="256" r:id="rId11"/>
    <p:sldId id="259" r:id="rId1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85F95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8FC4F58-9041-4633-B153-365F0F46BCAE}" v="3" dt="2024-05-20T19:18:57.977"/>
    <p1510:client id="{81DAEC92-C1F2-4FC7-BC83-A916E7877125}" v="12" dt="2024-05-19T19:49:48.06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93697" autoAdjust="0"/>
  </p:normalViewPr>
  <p:slideViewPr>
    <p:cSldViewPr snapToGrid="0" showGuides="1">
      <p:cViewPr varScale="1">
        <p:scale>
          <a:sx n="64" d="100"/>
          <a:sy n="64" d="100"/>
        </p:scale>
        <p:origin x="1272" y="6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Master" Target="slideMasters/slideMaster1.xml"/><Relationship Id="rId19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handoutMaster" Target="handoutMasters/handout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acob Wittrup Schmidt" userId="16dfa832-c395-4b68-9302-f0588dd7b909" providerId="ADAL" clId="{78FC4F58-9041-4633-B153-365F0F46BCAE}"/>
    <pc:docChg chg="undo custSel addSld delSld modSld modMainMaster">
      <pc:chgData name="Jacob Wittrup Schmidt" userId="16dfa832-c395-4b68-9302-f0588dd7b909" providerId="ADAL" clId="{78FC4F58-9041-4633-B153-365F0F46BCAE}" dt="2024-05-20T19:19:00.846" v="124" actId="47"/>
      <pc:docMkLst>
        <pc:docMk/>
      </pc:docMkLst>
      <pc:sldChg chg="modSp mod">
        <pc:chgData name="Jacob Wittrup Schmidt" userId="16dfa832-c395-4b68-9302-f0588dd7b909" providerId="ADAL" clId="{78FC4F58-9041-4633-B153-365F0F46BCAE}" dt="2024-05-20T19:17:54.191" v="122" actId="255"/>
        <pc:sldMkLst>
          <pc:docMk/>
          <pc:sldMk cId="2368167326" sldId="256"/>
        </pc:sldMkLst>
        <pc:spChg chg="mod">
          <ac:chgData name="Jacob Wittrup Schmidt" userId="16dfa832-c395-4b68-9302-f0588dd7b909" providerId="ADAL" clId="{78FC4F58-9041-4633-B153-365F0F46BCAE}" dt="2024-05-20T19:17:54.191" v="122" actId="255"/>
          <ac:spMkLst>
            <pc:docMk/>
            <pc:sldMk cId="2368167326" sldId="256"/>
            <ac:spMk id="3" creationId="{A5FF75E0-1BB3-4CF0-848A-D978DD9F00B1}"/>
          </ac:spMkLst>
        </pc:spChg>
        <pc:spChg chg="mod">
          <ac:chgData name="Jacob Wittrup Schmidt" userId="16dfa832-c395-4b68-9302-f0588dd7b909" providerId="ADAL" clId="{78FC4F58-9041-4633-B153-365F0F46BCAE}" dt="2024-05-20T19:13:09.611" v="119" actId="255"/>
          <ac:spMkLst>
            <pc:docMk/>
            <pc:sldMk cId="2368167326" sldId="256"/>
            <ac:spMk id="11" creationId="{0C42956A-95BE-20F3-1936-259655BB63A4}"/>
          </ac:spMkLst>
        </pc:spChg>
      </pc:sldChg>
      <pc:sldChg chg="addSp modSp mod">
        <pc:chgData name="Jacob Wittrup Schmidt" userId="16dfa832-c395-4b68-9302-f0588dd7b909" providerId="ADAL" clId="{78FC4F58-9041-4633-B153-365F0F46BCAE}" dt="2024-05-20T19:16:39.989" v="121" actId="255"/>
        <pc:sldMkLst>
          <pc:docMk/>
          <pc:sldMk cId="1480166716" sldId="259"/>
        </pc:sldMkLst>
        <pc:spChg chg="add mod">
          <ac:chgData name="Jacob Wittrup Schmidt" userId="16dfa832-c395-4b68-9302-f0588dd7b909" providerId="ADAL" clId="{78FC4F58-9041-4633-B153-365F0F46BCAE}" dt="2024-05-20T19:12:28.926" v="116" actId="255"/>
          <ac:spMkLst>
            <pc:docMk/>
            <pc:sldMk cId="1480166716" sldId="259"/>
            <ac:spMk id="2" creationId="{8658672D-D6F7-9C6A-E6DA-0BB36AD780D0}"/>
          </ac:spMkLst>
        </pc:spChg>
        <pc:spChg chg="mod">
          <ac:chgData name="Jacob Wittrup Schmidt" userId="16dfa832-c395-4b68-9302-f0588dd7b909" providerId="ADAL" clId="{78FC4F58-9041-4633-B153-365F0F46BCAE}" dt="2024-05-20T19:16:39.989" v="121" actId="255"/>
          <ac:spMkLst>
            <pc:docMk/>
            <pc:sldMk cId="1480166716" sldId="259"/>
            <ac:spMk id="12" creationId="{470DD098-FE3B-1FF7-B2B0-DBE76E6FDB1D}"/>
          </ac:spMkLst>
        </pc:spChg>
        <pc:spChg chg="mod">
          <ac:chgData name="Jacob Wittrup Schmidt" userId="16dfa832-c395-4b68-9302-f0588dd7b909" providerId="ADAL" clId="{78FC4F58-9041-4633-B153-365F0F46BCAE}" dt="2024-05-20T19:12:22.151" v="115" actId="255"/>
          <ac:spMkLst>
            <pc:docMk/>
            <pc:sldMk cId="1480166716" sldId="259"/>
            <ac:spMk id="14" creationId="{28BF022C-37CA-2690-3C56-9F3094366A97}"/>
          </ac:spMkLst>
        </pc:spChg>
      </pc:sldChg>
      <pc:sldChg chg="add del">
        <pc:chgData name="Jacob Wittrup Schmidt" userId="16dfa832-c395-4b68-9302-f0588dd7b909" providerId="ADAL" clId="{78FC4F58-9041-4633-B153-365F0F46BCAE}" dt="2024-05-20T19:19:00.846" v="124" actId="47"/>
        <pc:sldMkLst>
          <pc:docMk/>
          <pc:sldMk cId="3901716585" sldId="260"/>
        </pc:sldMkLst>
      </pc:sldChg>
      <pc:sldMasterChg chg="modSldLayout">
        <pc:chgData name="Jacob Wittrup Schmidt" userId="16dfa832-c395-4b68-9302-f0588dd7b909" providerId="ADAL" clId="{78FC4F58-9041-4633-B153-365F0F46BCAE}" dt="2024-05-20T19:11:09.436" v="16" actId="1076"/>
        <pc:sldMasterMkLst>
          <pc:docMk/>
          <pc:sldMasterMk cId="3769464931" sldId="2147483704"/>
        </pc:sldMasterMkLst>
        <pc:sldLayoutChg chg="addSp delSp modSp mod">
          <pc:chgData name="Jacob Wittrup Schmidt" userId="16dfa832-c395-4b68-9302-f0588dd7b909" providerId="ADAL" clId="{78FC4F58-9041-4633-B153-365F0F46BCAE}" dt="2024-05-20T19:11:09.436" v="16" actId="1076"/>
          <pc:sldLayoutMkLst>
            <pc:docMk/>
            <pc:sldMasterMk cId="3769464931" sldId="2147483704"/>
            <pc:sldLayoutMk cId="1936244174" sldId="2147483716"/>
          </pc:sldLayoutMkLst>
          <pc:picChg chg="add mod">
            <ac:chgData name="Jacob Wittrup Schmidt" userId="16dfa832-c395-4b68-9302-f0588dd7b909" providerId="ADAL" clId="{78FC4F58-9041-4633-B153-365F0F46BCAE}" dt="2024-05-20T19:11:09.436" v="16" actId="1076"/>
            <ac:picMkLst>
              <pc:docMk/>
              <pc:sldMasterMk cId="3769464931" sldId="2147483704"/>
              <pc:sldLayoutMk cId="1936244174" sldId="2147483716"/>
              <ac:picMk id="3" creationId="{30BCA3CC-ED85-4384-0F70-6C8CAF467A50}"/>
            </ac:picMkLst>
          </pc:picChg>
          <pc:picChg chg="del">
            <ac:chgData name="Jacob Wittrup Schmidt" userId="16dfa832-c395-4b68-9302-f0588dd7b909" providerId="ADAL" clId="{78FC4F58-9041-4633-B153-365F0F46BCAE}" dt="2024-05-20T19:10:04.985" v="0" actId="478"/>
            <ac:picMkLst>
              <pc:docMk/>
              <pc:sldMasterMk cId="3769464931" sldId="2147483704"/>
              <pc:sldLayoutMk cId="1936244174" sldId="2147483716"/>
              <ac:picMk id="20" creationId="{89EEE113-01D0-496A-FC2E-B1CB28B07195}"/>
            </ac:picMkLst>
          </pc:picChg>
        </pc:sldLayoutChg>
      </pc:sldMasterChg>
    </pc:docChg>
  </pc:docChgLst>
  <pc:docChgLst>
    <pc:chgData name="Jacob Wittrup Schmidt" userId="16dfa832-c395-4b68-9302-f0588dd7b909" providerId="ADAL" clId="{81DAEC92-C1F2-4FC7-BC83-A916E7877125}"/>
    <pc:docChg chg="undo custSel addSld delSld modSld addMainMaster modMainMaster">
      <pc:chgData name="Jacob Wittrup Schmidt" userId="16dfa832-c395-4b68-9302-f0588dd7b909" providerId="ADAL" clId="{81DAEC92-C1F2-4FC7-BC83-A916E7877125}" dt="2024-05-19T19:49:50.867" v="137" actId="47"/>
      <pc:docMkLst>
        <pc:docMk/>
      </pc:docMkLst>
      <pc:sldChg chg="addSp delSp modSp mod">
        <pc:chgData name="Jacob Wittrup Schmidt" userId="16dfa832-c395-4b68-9302-f0588dd7b909" providerId="ADAL" clId="{81DAEC92-C1F2-4FC7-BC83-A916E7877125}" dt="2024-05-19T19:48:25.548" v="130" actId="207"/>
        <pc:sldMkLst>
          <pc:docMk/>
          <pc:sldMk cId="2368167326" sldId="256"/>
        </pc:sldMkLst>
        <pc:spChg chg="mod">
          <ac:chgData name="Jacob Wittrup Schmidt" userId="16dfa832-c395-4b68-9302-f0588dd7b909" providerId="ADAL" clId="{81DAEC92-C1F2-4FC7-BC83-A916E7877125}" dt="2024-05-19T19:33:12.157" v="29"/>
          <ac:spMkLst>
            <pc:docMk/>
            <pc:sldMk cId="2368167326" sldId="256"/>
            <ac:spMk id="2" creationId="{DC9FCCFE-889F-4525-B43F-166C7E08A495}"/>
          </ac:spMkLst>
        </pc:spChg>
        <pc:spChg chg="mod">
          <ac:chgData name="Jacob Wittrup Schmidt" userId="16dfa832-c395-4b68-9302-f0588dd7b909" providerId="ADAL" clId="{81DAEC92-C1F2-4FC7-BC83-A916E7877125}" dt="2024-05-19T19:48:25.548" v="130" actId="207"/>
          <ac:spMkLst>
            <pc:docMk/>
            <pc:sldMk cId="2368167326" sldId="256"/>
            <ac:spMk id="3" creationId="{A5FF75E0-1BB3-4CF0-848A-D978DD9F00B1}"/>
          </ac:spMkLst>
        </pc:spChg>
        <pc:spChg chg="del mod">
          <ac:chgData name="Jacob Wittrup Schmidt" userId="16dfa832-c395-4b68-9302-f0588dd7b909" providerId="ADAL" clId="{81DAEC92-C1F2-4FC7-BC83-A916E7877125}" dt="2024-05-19T19:30:55.390" v="14" actId="478"/>
          <ac:spMkLst>
            <pc:docMk/>
            <pc:sldMk cId="2368167326" sldId="256"/>
            <ac:spMk id="4" creationId="{8870E343-E0D1-4765-950E-8ED1965DF354}"/>
          </ac:spMkLst>
        </pc:spChg>
        <pc:spChg chg="del">
          <ac:chgData name="Jacob Wittrup Schmidt" userId="16dfa832-c395-4b68-9302-f0588dd7b909" providerId="ADAL" clId="{81DAEC92-C1F2-4FC7-BC83-A916E7877125}" dt="2024-05-19T19:30:53.899" v="13" actId="478"/>
          <ac:spMkLst>
            <pc:docMk/>
            <pc:sldMk cId="2368167326" sldId="256"/>
            <ac:spMk id="5" creationId="{D7FD4F0E-CD52-4E94-A9D4-A18F20E6F98A}"/>
          </ac:spMkLst>
        </pc:spChg>
        <pc:spChg chg="add mod">
          <ac:chgData name="Jacob Wittrup Schmidt" userId="16dfa832-c395-4b68-9302-f0588dd7b909" providerId="ADAL" clId="{81DAEC92-C1F2-4FC7-BC83-A916E7877125}" dt="2024-05-19T19:30:11.877" v="6"/>
          <ac:spMkLst>
            <pc:docMk/>
            <pc:sldMk cId="2368167326" sldId="256"/>
            <ac:spMk id="6" creationId="{DFC8A00B-435D-8F97-9A76-9E623603838A}"/>
          </ac:spMkLst>
        </pc:spChg>
        <pc:spChg chg="add mod">
          <ac:chgData name="Jacob Wittrup Schmidt" userId="16dfa832-c395-4b68-9302-f0588dd7b909" providerId="ADAL" clId="{81DAEC92-C1F2-4FC7-BC83-A916E7877125}" dt="2024-05-19T19:30:14.992" v="7"/>
          <ac:spMkLst>
            <pc:docMk/>
            <pc:sldMk cId="2368167326" sldId="256"/>
            <ac:spMk id="7" creationId="{F06A829E-6394-090B-5B3B-D440F1A1826B}"/>
          </ac:spMkLst>
        </pc:spChg>
        <pc:spChg chg="add mod">
          <ac:chgData name="Jacob Wittrup Schmidt" userId="16dfa832-c395-4b68-9302-f0588dd7b909" providerId="ADAL" clId="{81DAEC92-C1F2-4FC7-BC83-A916E7877125}" dt="2024-05-19T19:30:14.992" v="7"/>
          <ac:spMkLst>
            <pc:docMk/>
            <pc:sldMk cId="2368167326" sldId="256"/>
            <ac:spMk id="8" creationId="{EADE836B-EBBC-B11A-2F47-9569FC8CCC7F}"/>
          </ac:spMkLst>
        </pc:spChg>
        <pc:spChg chg="add mod">
          <ac:chgData name="Jacob Wittrup Schmidt" userId="16dfa832-c395-4b68-9302-f0588dd7b909" providerId="ADAL" clId="{81DAEC92-C1F2-4FC7-BC83-A916E7877125}" dt="2024-05-19T19:30:11.877" v="6"/>
          <ac:spMkLst>
            <pc:docMk/>
            <pc:sldMk cId="2368167326" sldId="256"/>
            <ac:spMk id="10" creationId="{A2086DE0-42BD-3D6E-D6C0-01D85DDDDA3E}"/>
          </ac:spMkLst>
        </pc:spChg>
        <pc:spChg chg="add mod">
          <ac:chgData name="Jacob Wittrup Schmidt" userId="16dfa832-c395-4b68-9302-f0588dd7b909" providerId="ADAL" clId="{81DAEC92-C1F2-4FC7-BC83-A916E7877125}" dt="2024-05-19T19:37:51.310" v="82" actId="20577"/>
          <ac:spMkLst>
            <pc:docMk/>
            <pc:sldMk cId="2368167326" sldId="256"/>
            <ac:spMk id="11" creationId="{0C42956A-95BE-20F3-1936-259655BB63A4}"/>
          </ac:spMkLst>
        </pc:spChg>
        <pc:spChg chg="add del mod">
          <ac:chgData name="Jacob Wittrup Schmidt" userId="16dfa832-c395-4b68-9302-f0588dd7b909" providerId="ADAL" clId="{81DAEC92-C1F2-4FC7-BC83-A916E7877125}" dt="2024-05-19T19:39:47.921" v="96" actId="478"/>
          <ac:spMkLst>
            <pc:docMk/>
            <pc:sldMk cId="2368167326" sldId="256"/>
            <ac:spMk id="12" creationId="{4C8F53B7-5645-1587-3458-42C9BF00C9D3}"/>
          </ac:spMkLst>
        </pc:spChg>
        <pc:spChg chg="add del mod">
          <ac:chgData name="Jacob Wittrup Schmidt" userId="16dfa832-c395-4b68-9302-f0588dd7b909" providerId="ADAL" clId="{81DAEC92-C1F2-4FC7-BC83-A916E7877125}" dt="2024-05-19T19:31:38.269" v="19" actId="478"/>
          <ac:spMkLst>
            <pc:docMk/>
            <pc:sldMk cId="2368167326" sldId="256"/>
            <ac:spMk id="13" creationId="{59FA4026-A258-EF5C-1D32-14E7C60A3B13}"/>
          </ac:spMkLst>
        </pc:spChg>
        <pc:spChg chg="add mod">
          <ac:chgData name="Jacob Wittrup Schmidt" userId="16dfa832-c395-4b68-9302-f0588dd7b909" providerId="ADAL" clId="{81DAEC92-C1F2-4FC7-BC83-A916E7877125}" dt="2024-05-19T19:30:56.521" v="15"/>
          <ac:spMkLst>
            <pc:docMk/>
            <pc:sldMk cId="2368167326" sldId="256"/>
            <ac:spMk id="15" creationId="{7CBFA103-5C28-5B9A-E8A1-2C5D691EE4E6}"/>
          </ac:spMkLst>
        </pc:spChg>
        <pc:picChg chg="add del mod">
          <ac:chgData name="Jacob Wittrup Schmidt" userId="16dfa832-c395-4b68-9302-f0588dd7b909" providerId="ADAL" clId="{81DAEC92-C1F2-4FC7-BC83-A916E7877125}" dt="2024-05-19T19:44:55.148" v="123" actId="21"/>
          <ac:picMkLst>
            <pc:docMk/>
            <pc:sldMk cId="2368167326" sldId="256"/>
            <ac:picMk id="20" creationId="{89EEE113-01D0-496A-FC2E-B1CB28B07195}"/>
          </ac:picMkLst>
        </pc:picChg>
        <pc:cxnChg chg="add mod">
          <ac:chgData name="Jacob Wittrup Schmidt" userId="16dfa832-c395-4b68-9302-f0588dd7b909" providerId="ADAL" clId="{81DAEC92-C1F2-4FC7-BC83-A916E7877125}" dt="2024-05-19T19:30:11.877" v="6"/>
          <ac:cxnSpMkLst>
            <pc:docMk/>
            <pc:sldMk cId="2368167326" sldId="256"/>
            <ac:cxnSpMk id="9" creationId="{0991BC51-194D-C79D-7670-C164E04879E5}"/>
          </ac:cxnSpMkLst>
        </pc:cxnChg>
        <pc:cxnChg chg="add mod">
          <ac:chgData name="Jacob Wittrup Schmidt" userId="16dfa832-c395-4b68-9302-f0588dd7b909" providerId="ADAL" clId="{81DAEC92-C1F2-4FC7-BC83-A916E7877125}" dt="2024-05-19T19:30:56.521" v="15"/>
          <ac:cxnSpMkLst>
            <pc:docMk/>
            <pc:sldMk cId="2368167326" sldId="256"/>
            <ac:cxnSpMk id="14" creationId="{A6BDFE4D-B0A5-A3F6-E205-D5DBC6A0FBB7}"/>
          </ac:cxnSpMkLst>
        </pc:cxnChg>
      </pc:sldChg>
      <pc:sldChg chg="addSp delSp modSp mod">
        <pc:chgData name="Jacob Wittrup Schmidt" userId="16dfa832-c395-4b68-9302-f0588dd7b909" providerId="ADAL" clId="{81DAEC92-C1F2-4FC7-BC83-A916E7877125}" dt="2024-05-19T19:48:48.635" v="135" actId="20577"/>
        <pc:sldMkLst>
          <pc:docMk/>
          <pc:sldMk cId="1480166716" sldId="259"/>
        </pc:sldMkLst>
        <pc:spChg chg="del">
          <ac:chgData name="Jacob Wittrup Schmidt" userId="16dfa832-c395-4b68-9302-f0588dd7b909" providerId="ADAL" clId="{81DAEC92-C1F2-4FC7-BC83-A916E7877125}" dt="2024-05-19T19:30:23.434" v="9" actId="478"/>
          <ac:spMkLst>
            <pc:docMk/>
            <pc:sldMk cId="1480166716" sldId="259"/>
            <ac:spMk id="2" creationId="{B48DF8BB-0BF9-BEC3-2ECF-A8E8CBF02C07}"/>
          </ac:spMkLst>
        </pc:spChg>
        <pc:spChg chg="del">
          <ac:chgData name="Jacob Wittrup Schmidt" userId="16dfa832-c395-4b68-9302-f0588dd7b909" providerId="ADAL" clId="{81DAEC92-C1F2-4FC7-BC83-A916E7877125}" dt="2024-05-19T19:30:20.701" v="8" actId="478"/>
          <ac:spMkLst>
            <pc:docMk/>
            <pc:sldMk cId="1480166716" sldId="259"/>
            <ac:spMk id="3" creationId="{1EA741B2-ED37-8D75-8083-94150EC983D6}"/>
          </ac:spMkLst>
        </pc:spChg>
        <pc:spChg chg="del mod">
          <ac:chgData name="Jacob Wittrup Schmidt" userId="16dfa832-c395-4b68-9302-f0588dd7b909" providerId="ADAL" clId="{81DAEC92-C1F2-4FC7-BC83-A916E7877125}" dt="2024-05-19T19:39:36.872" v="95" actId="478"/>
          <ac:spMkLst>
            <pc:docMk/>
            <pc:sldMk cId="1480166716" sldId="259"/>
            <ac:spMk id="4" creationId="{E60CDF65-649A-BC7A-1F80-9CEDF0DCCB74}"/>
          </ac:spMkLst>
        </pc:spChg>
        <pc:spChg chg="add del mod">
          <ac:chgData name="Jacob Wittrup Schmidt" userId="16dfa832-c395-4b68-9302-f0588dd7b909" providerId="ADAL" clId="{81DAEC92-C1F2-4FC7-BC83-A916E7877125}" dt="2024-05-19T19:30:25.284" v="10" actId="478"/>
          <ac:spMkLst>
            <pc:docMk/>
            <pc:sldMk cId="1480166716" sldId="259"/>
            <ac:spMk id="6" creationId="{9E2E3842-B0F1-DFFB-4AC5-B89A24C531D6}"/>
          </ac:spMkLst>
        </pc:spChg>
        <pc:spChg chg="add mod">
          <ac:chgData name="Jacob Wittrup Schmidt" userId="16dfa832-c395-4b68-9302-f0588dd7b909" providerId="ADAL" clId="{81DAEC92-C1F2-4FC7-BC83-A916E7877125}" dt="2024-05-19T19:30:25.692" v="11"/>
          <ac:spMkLst>
            <pc:docMk/>
            <pc:sldMk cId="1480166716" sldId="259"/>
            <ac:spMk id="7" creationId="{C2D90E02-CA6D-2292-1D93-DAACDE9B774D}"/>
          </ac:spMkLst>
        </pc:spChg>
        <pc:spChg chg="add mod">
          <ac:chgData name="Jacob Wittrup Schmidt" userId="16dfa832-c395-4b68-9302-f0588dd7b909" providerId="ADAL" clId="{81DAEC92-C1F2-4FC7-BC83-A916E7877125}" dt="2024-05-19T19:30:28.208" v="12"/>
          <ac:spMkLst>
            <pc:docMk/>
            <pc:sldMk cId="1480166716" sldId="259"/>
            <ac:spMk id="8" creationId="{CDA42EE6-761A-6C21-57D6-F2D30C6A44FF}"/>
          </ac:spMkLst>
        </pc:spChg>
        <pc:spChg chg="add mod">
          <ac:chgData name="Jacob Wittrup Schmidt" userId="16dfa832-c395-4b68-9302-f0588dd7b909" providerId="ADAL" clId="{81DAEC92-C1F2-4FC7-BC83-A916E7877125}" dt="2024-05-19T19:30:25.692" v="11"/>
          <ac:spMkLst>
            <pc:docMk/>
            <pc:sldMk cId="1480166716" sldId="259"/>
            <ac:spMk id="9" creationId="{81D97C0F-2CF8-C249-31FD-499B61C5FF6A}"/>
          </ac:spMkLst>
        </pc:spChg>
        <pc:spChg chg="add mod">
          <ac:chgData name="Jacob Wittrup Schmidt" userId="16dfa832-c395-4b68-9302-f0588dd7b909" providerId="ADAL" clId="{81DAEC92-C1F2-4FC7-BC83-A916E7877125}" dt="2024-05-19T19:30:25.692" v="11"/>
          <ac:spMkLst>
            <pc:docMk/>
            <pc:sldMk cId="1480166716" sldId="259"/>
            <ac:spMk id="11" creationId="{08664FAC-BFA6-EF97-C481-35FAA520EDF8}"/>
          </ac:spMkLst>
        </pc:spChg>
        <pc:spChg chg="add mod">
          <ac:chgData name="Jacob Wittrup Schmidt" userId="16dfa832-c395-4b68-9302-f0588dd7b909" providerId="ADAL" clId="{81DAEC92-C1F2-4FC7-BC83-A916E7877125}" dt="2024-05-19T19:45:16.952" v="125" actId="1076"/>
          <ac:spMkLst>
            <pc:docMk/>
            <pc:sldMk cId="1480166716" sldId="259"/>
            <ac:spMk id="12" creationId="{470DD098-FE3B-1FF7-B2B0-DBE76E6FDB1D}"/>
          </ac:spMkLst>
        </pc:spChg>
        <pc:spChg chg="add mod">
          <ac:chgData name="Jacob Wittrup Schmidt" userId="16dfa832-c395-4b68-9302-f0588dd7b909" providerId="ADAL" clId="{81DAEC92-C1F2-4FC7-BC83-A916E7877125}" dt="2024-05-19T19:31:07.140" v="16"/>
          <ac:spMkLst>
            <pc:docMk/>
            <pc:sldMk cId="1480166716" sldId="259"/>
            <ac:spMk id="13" creationId="{BC937688-841C-A832-E894-CA41C8BFEA5B}"/>
          </ac:spMkLst>
        </pc:spChg>
        <pc:spChg chg="add mod">
          <ac:chgData name="Jacob Wittrup Schmidt" userId="16dfa832-c395-4b68-9302-f0588dd7b909" providerId="ADAL" clId="{81DAEC92-C1F2-4FC7-BC83-A916E7877125}" dt="2024-05-19T19:48:48.635" v="135" actId="20577"/>
          <ac:spMkLst>
            <pc:docMk/>
            <pc:sldMk cId="1480166716" sldId="259"/>
            <ac:spMk id="14" creationId="{28BF022C-37CA-2690-3C56-9F3094366A97}"/>
          </ac:spMkLst>
        </pc:spChg>
        <pc:spChg chg="add mod">
          <ac:chgData name="Jacob Wittrup Schmidt" userId="16dfa832-c395-4b68-9302-f0588dd7b909" providerId="ADAL" clId="{81DAEC92-C1F2-4FC7-BC83-A916E7877125}" dt="2024-05-19T19:43:57.513" v="114" actId="1076"/>
          <ac:spMkLst>
            <pc:docMk/>
            <pc:sldMk cId="1480166716" sldId="259"/>
            <ac:spMk id="16" creationId="{9638451D-FE3F-FE86-0DB7-D1C4BE037A10}"/>
          </ac:spMkLst>
        </pc:spChg>
        <pc:picChg chg="add del mod modCrop">
          <ac:chgData name="Jacob Wittrup Schmidt" userId="16dfa832-c395-4b68-9302-f0588dd7b909" providerId="ADAL" clId="{81DAEC92-C1F2-4FC7-BC83-A916E7877125}" dt="2024-05-19T19:42:46.005" v="101" actId="478"/>
          <ac:picMkLst>
            <pc:docMk/>
            <pc:sldMk cId="1480166716" sldId="259"/>
            <ac:picMk id="18" creationId="{5CFBA620-0309-36E7-4364-43A4016B268E}"/>
          </ac:picMkLst>
        </pc:picChg>
        <pc:picChg chg="add del mod modCrop">
          <ac:chgData name="Jacob Wittrup Schmidt" userId="16dfa832-c395-4b68-9302-f0588dd7b909" providerId="ADAL" clId="{81DAEC92-C1F2-4FC7-BC83-A916E7877125}" dt="2024-05-19T19:44:39.455" v="121" actId="21"/>
          <ac:picMkLst>
            <pc:docMk/>
            <pc:sldMk cId="1480166716" sldId="259"/>
            <ac:picMk id="20" creationId="{89EEE113-01D0-496A-FC2E-B1CB28B07195}"/>
          </ac:picMkLst>
        </pc:picChg>
        <pc:cxnChg chg="add mod">
          <ac:chgData name="Jacob Wittrup Schmidt" userId="16dfa832-c395-4b68-9302-f0588dd7b909" providerId="ADAL" clId="{81DAEC92-C1F2-4FC7-BC83-A916E7877125}" dt="2024-05-19T19:30:25.692" v="11"/>
          <ac:cxnSpMkLst>
            <pc:docMk/>
            <pc:sldMk cId="1480166716" sldId="259"/>
            <ac:cxnSpMk id="10" creationId="{B9F3CA50-E7F4-1A60-470F-004649C2DC40}"/>
          </ac:cxnSpMkLst>
        </pc:cxnChg>
        <pc:cxnChg chg="add mod">
          <ac:chgData name="Jacob Wittrup Schmidt" userId="16dfa832-c395-4b68-9302-f0588dd7b909" providerId="ADAL" clId="{81DAEC92-C1F2-4FC7-BC83-A916E7877125}" dt="2024-05-19T19:31:07.140" v="16"/>
          <ac:cxnSpMkLst>
            <pc:docMk/>
            <pc:sldMk cId="1480166716" sldId="259"/>
            <ac:cxnSpMk id="15" creationId="{57C5E7BA-290A-F1DA-175C-34DFBD615F9E}"/>
          </ac:cxnSpMkLst>
        </pc:cxnChg>
      </pc:sldChg>
      <pc:sldChg chg="add del">
        <pc:chgData name="Jacob Wittrup Schmidt" userId="16dfa832-c395-4b68-9302-f0588dd7b909" providerId="ADAL" clId="{81DAEC92-C1F2-4FC7-BC83-A916E7877125}" dt="2024-05-19T19:40:14.221" v="98" actId="47"/>
        <pc:sldMkLst>
          <pc:docMk/>
          <pc:sldMk cId="2331144870" sldId="260"/>
        </pc:sldMkLst>
      </pc:sldChg>
      <pc:sldChg chg="add del">
        <pc:chgData name="Jacob Wittrup Schmidt" userId="16dfa832-c395-4b68-9302-f0588dd7b909" providerId="ADAL" clId="{81DAEC92-C1F2-4FC7-BC83-A916E7877125}" dt="2024-05-19T19:49:50.867" v="137" actId="47"/>
        <pc:sldMkLst>
          <pc:docMk/>
          <pc:sldMk cId="4153201962" sldId="260"/>
        </pc:sldMkLst>
      </pc:sldChg>
      <pc:sldMasterChg chg="delSldLayout modSldLayout">
        <pc:chgData name="Jacob Wittrup Schmidt" userId="16dfa832-c395-4b68-9302-f0588dd7b909" providerId="ADAL" clId="{81DAEC92-C1F2-4FC7-BC83-A916E7877125}" dt="2024-05-19T19:33:04.496" v="28" actId="2696"/>
        <pc:sldMasterMkLst>
          <pc:docMk/>
          <pc:sldMasterMk cId="180999990" sldId="2147483648"/>
        </pc:sldMasterMkLst>
        <pc:sldLayoutChg chg="del">
          <pc:chgData name="Jacob Wittrup Schmidt" userId="16dfa832-c395-4b68-9302-f0588dd7b909" providerId="ADAL" clId="{81DAEC92-C1F2-4FC7-BC83-A916E7877125}" dt="2024-05-19T19:33:04.496" v="28" actId="2696"/>
          <pc:sldLayoutMkLst>
            <pc:docMk/>
            <pc:sldMasterMk cId="180999990" sldId="2147483648"/>
            <pc:sldLayoutMk cId="422711174" sldId="2147483649"/>
          </pc:sldLayoutMkLst>
        </pc:sldLayoutChg>
        <pc:sldLayoutChg chg="del">
          <pc:chgData name="Jacob Wittrup Schmidt" userId="16dfa832-c395-4b68-9302-f0588dd7b909" providerId="ADAL" clId="{81DAEC92-C1F2-4FC7-BC83-A916E7877125}" dt="2024-05-19T19:33:01.609" v="27" actId="2696"/>
          <pc:sldLayoutMkLst>
            <pc:docMk/>
            <pc:sldMasterMk cId="180999990" sldId="2147483648"/>
            <pc:sldLayoutMk cId="435628648" sldId="2147483650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59.248" v="26" actId="2696"/>
          <pc:sldLayoutMkLst>
            <pc:docMk/>
            <pc:sldMasterMk cId="180999990" sldId="2147483648"/>
            <pc:sldLayoutMk cId="576671673" sldId="2147483651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57.636" v="25" actId="2696"/>
          <pc:sldLayoutMkLst>
            <pc:docMk/>
            <pc:sldMasterMk cId="180999990" sldId="2147483648"/>
            <pc:sldLayoutMk cId="3474321074" sldId="2147483652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53.995" v="24" actId="2696"/>
          <pc:sldLayoutMkLst>
            <pc:docMk/>
            <pc:sldMasterMk cId="180999990" sldId="2147483648"/>
            <pc:sldLayoutMk cId="4285753852" sldId="2147483653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50.911" v="23" actId="2696"/>
          <pc:sldLayoutMkLst>
            <pc:docMk/>
            <pc:sldMasterMk cId="180999990" sldId="2147483648"/>
            <pc:sldLayoutMk cId="4023518708" sldId="2147483654"/>
          </pc:sldLayoutMkLst>
        </pc:sldLayoutChg>
        <pc:sldLayoutChg chg="addSp delSp modSp mod">
          <pc:chgData name="Jacob Wittrup Schmidt" userId="16dfa832-c395-4b68-9302-f0588dd7b909" providerId="ADAL" clId="{81DAEC92-C1F2-4FC7-BC83-A916E7877125}" dt="2024-05-19T19:29:10.053" v="3"/>
          <pc:sldLayoutMkLst>
            <pc:docMk/>
            <pc:sldMasterMk cId="180999990" sldId="2147483648"/>
            <pc:sldLayoutMk cId="3098817132" sldId="2147483655"/>
          </pc:sldLayoutMkLst>
          <pc:spChg chg="del">
            <ac:chgData name="Jacob Wittrup Schmidt" userId="16dfa832-c395-4b68-9302-f0588dd7b909" providerId="ADAL" clId="{81DAEC92-C1F2-4FC7-BC83-A916E7877125}" dt="2024-05-19T19:29:03.811" v="0" actId="478"/>
            <ac:spMkLst>
              <pc:docMk/>
              <pc:sldMasterMk cId="180999990" sldId="2147483648"/>
              <pc:sldLayoutMk cId="3098817132" sldId="2147483655"/>
              <ac:spMk id="2" creationId="{00000000-0000-0000-0000-000000000000}"/>
            </ac:spMkLst>
          </pc:spChg>
          <pc:spChg chg="del">
            <ac:chgData name="Jacob Wittrup Schmidt" userId="16dfa832-c395-4b68-9302-f0588dd7b909" providerId="ADAL" clId="{81DAEC92-C1F2-4FC7-BC83-A916E7877125}" dt="2024-05-19T19:29:07.293" v="2" actId="478"/>
            <ac:spMkLst>
              <pc:docMk/>
              <pc:sldMasterMk cId="180999990" sldId="2147483648"/>
              <pc:sldLayoutMk cId="3098817132" sldId="2147483655"/>
              <ac:spMk id="3" creationId="{00000000-0000-0000-0000-000000000000}"/>
            </ac:spMkLst>
          </pc:spChg>
          <pc:spChg chg="add mod">
            <ac:chgData name="Jacob Wittrup Schmidt" userId="16dfa832-c395-4b68-9302-f0588dd7b909" providerId="ADAL" clId="{81DAEC92-C1F2-4FC7-BC83-A916E7877125}" dt="2024-05-19T19:29:10.053" v="3"/>
            <ac:spMkLst>
              <pc:docMk/>
              <pc:sldMasterMk cId="180999990" sldId="2147483648"/>
              <pc:sldLayoutMk cId="3098817132" sldId="2147483655"/>
              <ac:spMk id="4" creationId="{C181826C-E8AC-A293-4DDA-EBB78EE1DA95}"/>
            </ac:spMkLst>
          </pc:spChg>
          <pc:spChg chg="add mod">
            <ac:chgData name="Jacob Wittrup Schmidt" userId="16dfa832-c395-4b68-9302-f0588dd7b909" providerId="ADAL" clId="{81DAEC92-C1F2-4FC7-BC83-A916E7877125}" dt="2024-05-19T19:29:10.053" v="3"/>
            <ac:spMkLst>
              <pc:docMk/>
              <pc:sldMasterMk cId="180999990" sldId="2147483648"/>
              <pc:sldLayoutMk cId="3098817132" sldId="2147483655"/>
              <ac:spMk id="6" creationId="{B278265F-E93D-CBD0-6C99-2627DA81FAE6}"/>
            </ac:spMkLst>
          </pc:spChg>
          <pc:spChg chg="add mod">
            <ac:chgData name="Jacob Wittrup Schmidt" userId="16dfa832-c395-4b68-9302-f0588dd7b909" providerId="ADAL" clId="{81DAEC92-C1F2-4FC7-BC83-A916E7877125}" dt="2024-05-19T19:29:10.053" v="3"/>
            <ac:spMkLst>
              <pc:docMk/>
              <pc:sldMasterMk cId="180999990" sldId="2147483648"/>
              <pc:sldLayoutMk cId="3098817132" sldId="2147483655"/>
              <ac:spMk id="7" creationId="{57185F56-8E67-75B9-BED2-35B3A252F0B7}"/>
            </ac:spMkLst>
          </pc:spChg>
          <pc:spChg chg="del">
            <ac:chgData name="Jacob Wittrup Schmidt" userId="16dfa832-c395-4b68-9302-f0588dd7b909" providerId="ADAL" clId="{81DAEC92-C1F2-4FC7-BC83-A916E7877125}" dt="2024-05-19T19:29:05.717" v="1" actId="478"/>
            <ac:spMkLst>
              <pc:docMk/>
              <pc:sldMasterMk cId="180999990" sldId="2147483648"/>
              <pc:sldLayoutMk cId="3098817132" sldId="2147483655"/>
              <ac:spMk id="8" creationId="{1D5CAD49-96B5-43EE-877D-1641596EA587}"/>
            </ac:spMkLst>
          </pc:spChg>
          <pc:spChg chg="add mod">
            <ac:chgData name="Jacob Wittrup Schmidt" userId="16dfa832-c395-4b68-9302-f0588dd7b909" providerId="ADAL" clId="{81DAEC92-C1F2-4FC7-BC83-A916E7877125}" dt="2024-05-19T19:29:10.053" v="3"/>
            <ac:spMkLst>
              <pc:docMk/>
              <pc:sldMasterMk cId="180999990" sldId="2147483648"/>
              <pc:sldLayoutMk cId="3098817132" sldId="2147483655"/>
              <ac:spMk id="14" creationId="{C86F592A-106A-03C0-4735-6E7A4BB092E3}"/>
            </ac:spMkLst>
          </pc:spChg>
          <pc:cxnChg chg="add mod">
            <ac:chgData name="Jacob Wittrup Schmidt" userId="16dfa832-c395-4b68-9302-f0588dd7b909" providerId="ADAL" clId="{81DAEC92-C1F2-4FC7-BC83-A916E7877125}" dt="2024-05-19T19:29:10.053" v="3"/>
            <ac:cxnSpMkLst>
              <pc:docMk/>
              <pc:sldMasterMk cId="180999990" sldId="2147483648"/>
              <pc:sldLayoutMk cId="3098817132" sldId="2147483655"/>
              <ac:cxnSpMk id="13" creationId="{6CF94EA9-FCD5-2C38-F03D-85C76D1299E1}"/>
            </ac:cxnSpMkLst>
          </pc:cxnChg>
        </pc:sldLayoutChg>
        <pc:sldLayoutChg chg="del">
          <pc:chgData name="Jacob Wittrup Schmidt" userId="16dfa832-c395-4b68-9302-f0588dd7b909" providerId="ADAL" clId="{81DAEC92-C1F2-4FC7-BC83-A916E7877125}" dt="2024-05-19T19:32:46.934" v="22" actId="2696"/>
          <pc:sldLayoutMkLst>
            <pc:docMk/>
            <pc:sldMasterMk cId="180999990" sldId="2147483648"/>
            <pc:sldLayoutMk cId="2947025494" sldId="2147483656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44.402" v="21" actId="2696"/>
          <pc:sldLayoutMkLst>
            <pc:docMk/>
            <pc:sldMasterMk cId="180999990" sldId="2147483648"/>
            <pc:sldLayoutMk cId="1811271279" sldId="2147483657"/>
          </pc:sldLayoutMkLst>
        </pc:sldLayoutChg>
        <pc:sldLayoutChg chg="del">
          <pc:chgData name="Jacob Wittrup Schmidt" userId="16dfa832-c395-4b68-9302-f0588dd7b909" providerId="ADAL" clId="{81DAEC92-C1F2-4FC7-BC83-A916E7877125}" dt="2024-05-19T19:32:20.254" v="20" actId="2696"/>
          <pc:sldLayoutMkLst>
            <pc:docMk/>
            <pc:sldMasterMk cId="180999990" sldId="2147483648"/>
            <pc:sldLayoutMk cId="3039157876" sldId="2147483660"/>
          </pc:sldLayoutMkLst>
        </pc:sldLayoutChg>
      </pc:sldMasterChg>
      <pc:sldMasterChg chg="new mod addSldLayout delSldLayout modSldLayout">
        <pc:chgData name="Jacob Wittrup Schmidt" userId="16dfa832-c395-4b68-9302-f0588dd7b909" providerId="ADAL" clId="{81DAEC92-C1F2-4FC7-BC83-A916E7877125}" dt="2024-05-19T19:46:22.037" v="129" actId="732"/>
        <pc:sldMasterMkLst>
          <pc:docMk/>
          <pc:sldMasterMk cId="3769464931" sldId="2147483704"/>
        </pc:sldMasterMkLst>
        <pc:sldLayoutChg chg="new del replId">
          <pc:chgData name="Jacob Wittrup Schmidt" userId="16dfa832-c395-4b68-9302-f0588dd7b909" providerId="ADAL" clId="{81DAEC92-C1F2-4FC7-BC83-A916E7877125}" dt="2024-05-19T19:33:56.674" v="40" actId="2696"/>
          <pc:sldLayoutMkLst>
            <pc:docMk/>
            <pc:sldMasterMk cId="3769464931" sldId="2147483704"/>
            <pc:sldLayoutMk cId="265023662" sldId="2147483705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54.593" v="39" actId="2696"/>
          <pc:sldLayoutMkLst>
            <pc:docMk/>
            <pc:sldMasterMk cId="3769464931" sldId="2147483704"/>
            <pc:sldLayoutMk cId="1396116328" sldId="2147483706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51.897" v="38" actId="2696"/>
          <pc:sldLayoutMkLst>
            <pc:docMk/>
            <pc:sldMasterMk cId="3769464931" sldId="2147483704"/>
            <pc:sldLayoutMk cId="2654377871" sldId="2147483707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49.956" v="37" actId="2696"/>
          <pc:sldLayoutMkLst>
            <pc:docMk/>
            <pc:sldMasterMk cId="3769464931" sldId="2147483704"/>
            <pc:sldLayoutMk cId="2083719300" sldId="2147483708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47.717" v="36" actId="2696"/>
          <pc:sldLayoutMkLst>
            <pc:docMk/>
            <pc:sldMasterMk cId="3769464931" sldId="2147483704"/>
            <pc:sldLayoutMk cId="2114062869" sldId="2147483709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45.792" v="35" actId="2696"/>
          <pc:sldLayoutMkLst>
            <pc:docMk/>
            <pc:sldMasterMk cId="3769464931" sldId="2147483704"/>
            <pc:sldLayoutMk cId="1764356834" sldId="2147483710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43.840" v="34" actId="2696"/>
          <pc:sldLayoutMkLst>
            <pc:docMk/>
            <pc:sldMasterMk cId="3769464931" sldId="2147483704"/>
            <pc:sldLayoutMk cId="3654448588" sldId="2147483711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40.792" v="33" actId="2696"/>
          <pc:sldLayoutMkLst>
            <pc:docMk/>
            <pc:sldMasterMk cId="3769464931" sldId="2147483704"/>
            <pc:sldLayoutMk cId="411739675" sldId="2147483712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37.874" v="32" actId="2696"/>
          <pc:sldLayoutMkLst>
            <pc:docMk/>
            <pc:sldMasterMk cId="3769464931" sldId="2147483704"/>
            <pc:sldLayoutMk cId="587874842" sldId="2147483713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35.478" v="31" actId="2696"/>
          <pc:sldLayoutMkLst>
            <pc:docMk/>
            <pc:sldMasterMk cId="3769464931" sldId="2147483704"/>
            <pc:sldLayoutMk cId="3965794608" sldId="2147483714"/>
          </pc:sldLayoutMkLst>
        </pc:sldLayoutChg>
        <pc:sldLayoutChg chg="new del replId">
          <pc:chgData name="Jacob Wittrup Schmidt" userId="16dfa832-c395-4b68-9302-f0588dd7b909" providerId="ADAL" clId="{81DAEC92-C1F2-4FC7-BC83-A916E7877125}" dt="2024-05-19T19:33:26.250" v="30" actId="2696"/>
          <pc:sldLayoutMkLst>
            <pc:docMk/>
            <pc:sldMasterMk cId="3769464931" sldId="2147483704"/>
            <pc:sldLayoutMk cId="3885527709" sldId="2147483715"/>
          </pc:sldLayoutMkLst>
        </pc:sldLayoutChg>
        <pc:sldLayoutChg chg="addSp modSp mod">
          <pc:chgData name="Jacob Wittrup Schmidt" userId="16dfa832-c395-4b68-9302-f0588dd7b909" providerId="ADAL" clId="{81DAEC92-C1F2-4FC7-BC83-A916E7877125}" dt="2024-05-19T19:46:22.037" v="129" actId="732"/>
          <pc:sldLayoutMkLst>
            <pc:docMk/>
            <pc:sldMasterMk cId="3769464931" sldId="2147483704"/>
            <pc:sldLayoutMk cId="1936244174" sldId="2147483716"/>
          </pc:sldLayoutMkLst>
          <pc:picChg chg="add mod modCrop">
            <ac:chgData name="Jacob Wittrup Schmidt" userId="16dfa832-c395-4b68-9302-f0588dd7b909" providerId="ADAL" clId="{81DAEC92-C1F2-4FC7-BC83-A916E7877125}" dt="2024-05-19T19:46:22.037" v="129" actId="732"/>
            <ac:picMkLst>
              <pc:docMk/>
              <pc:sldMasterMk cId="3769464931" sldId="2147483704"/>
              <pc:sldLayoutMk cId="1936244174" sldId="2147483716"/>
              <ac:picMk id="20" creationId="{89EEE113-01D0-496A-FC2E-B1CB28B07195}"/>
            </ac:picMkLst>
          </pc:picChg>
        </pc:sldLayoutChg>
        <pc:sldLayoutChg chg="delSp mod">
          <pc:chgData name="Jacob Wittrup Schmidt" userId="16dfa832-c395-4b68-9302-f0588dd7b909" providerId="ADAL" clId="{81DAEC92-C1F2-4FC7-BC83-A916E7877125}" dt="2024-05-19T19:39:29.373" v="94" actId="478"/>
          <pc:sldLayoutMkLst>
            <pc:docMk/>
            <pc:sldMasterMk cId="3769464931" sldId="2147483704"/>
            <pc:sldLayoutMk cId="360921736" sldId="2147483717"/>
          </pc:sldLayoutMkLst>
          <pc:spChg chg="del">
            <ac:chgData name="Jacob Wittrup Schmidt" userId="16dfa832-c395-4b68-9302-f0588dd7b909" providerId="ADAL" clId="{81DAEC92-C1F2-4FC7-BC83-A916E7877125}" dt="2024-05-19T19:39:29.373" v="94" actId="478"/>
            <ac:spMkLst>
              <pc:docMk/>
              <pc:sldMasterMk cId="3769464931" sldId="2147483704"/>
              <pc:sldLayoutMk cId="360921736" sldId="2147483717"/>
              <ac:spMk id="8" creationId="{5BFA5EB4-F096-8596-EFC5-1F0D0192E607}"/>
            </ac:spMkLst>
          </pc:spChg>
          <pc:spChg chg="del">
            <ac:chgData name="Jacob Wittrup Schmidt" userId="16dfa832-c395-4b68-9302-f0588dd7b909" providerId="ADAL" clId="{81DAEC92-C1F2-4FC7-BC83-A916E7877125}" dt="2024-05-19T19:39:28.514" v="93" actId="478"/>
            <ac:spMkLst>
              <pc:docMk/>
              <pc:sldMasterMk cId="3769464931" sldId="2147483704"/>
              <pc:sldLayoutMk cId="360921736" sldId="2147483717"/>
              <ac:spMk id="9" creationId="{311D6AB5-77B5-C072-E171-F4F2BF858EFF}"/>
            </ac:spMkLst>
          </pc:spChg>
          <pc:spChg chg="del">
            <ac:chgData name="Jacob Wittrup Schmidt" userId="16dfa832-c395-4b68-9302-f0588dd7b909" providerId="ADAL" clId="{81DAEC92-C1F2-4FC7-BC83-A916E7877125}" dt="2024-05-19T19:39:27.501" v="92" actId="478"/>
            <ac:spMkLst>
              <pc:docMk/>
              <pc:sldMasterMk cId="3769464931" sldId="2147483704"/>
              <pc:sldLayoutMk cId="360921736" sldId="2147483717"/>
              <ac:spMk id="10" creationId="{356101DC-A479-6E55-D17A-0F86ECB3B688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B8F3187-BC3D-4001-BD6E-907B8C8C8682}" type="datetime1">
              <a:rPr lang="en-GB" smtClean="0"/>
              <a:t>20/05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nr.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nr.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F72E539-AD11-4247-9F0A-B90342D7E390}" type="datetime1">
              <a:rPr lang="en-GB" smtClean="0"/>
              <a:t>20/05/2024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F9DA736-56AF-4923-ADBF-C44131678140}" type="datetime1">
              <a:rPr lang="en-GB" smtClean="0"/>
              <a:t>20/05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AD72164-F10A-37FD-E97A-FE6DD7E1D0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33475" y="209296"/>
            <a:ext cx="1544649" cy="1036801"/>
          </a:xfrm>
          <a:prstGeom prst="rect">
            <a:avLst/>
          </a:prstGeom>
        </p:spPr>
      </p:pic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C181826C-E8AC-A293-4DDA-EBB78EE1DA9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828800"/>
            <a:ext cx="114732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</p:txBody>
      </p:sp>
      <p:sp>
        <p:nvSpPr>
          <p:cNvPr id="6" name="Slide Number Placeholder 9">
            <a:extLst>
              <a:ext uri="{FF2B5EF4-FFF2-40B4-BE49-F238E27FC236}">
                <a16:creationId xmlns:a16="http://schemas.microsoft.com/office/drawing/2014/main" id="{B278265F-E93D-CBD0-6C99-2627DA81FAE6}"/>
              </a:ext>
            </a:extLst>
          </p:cNvPr>
          <p:cNvSpPr txBox="1">
            <a:spLocks/>
          </p:cNvSpPr>
          <p:nvPr userDrawn="1"/>
        </p:nvSpPr>
        <p:spPr>
          <a:xfrm>
            <a:off x="11206800" y="6589031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0" kern="1200">
                <a:solidFill>
                  <a:srgbClr val="385F95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itle 10">
            <a:extLst>
              <a:ext uri="{FF2B5EF4-FFF2-40B4-BE49-F238E27FC236}">
                <a16:creationId xmlns:a16="http://schemas.microsoft.com/office/drawing/2014/main" id="{57185F56-8E67-75B9-BED2-35B3A252F0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</p:spPr>
        <p:txBody>
          <a:bodyPr/>
          <a:lstStyle>
            <a:lvl1pPr>
              <a:defRPr>
                <a:solidFill>
                  <a:srgbClr val="385F95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6CF94EA9-FCD5-2C38-F03D-85C76D1299E1}"/>
              </a:ext>
            </a:extLst>
          </p:cNvPr>
          <p:cNvCxnSpPr>
            <a:cxnSpLocks/>
          </p:cNvCxnSpPr>
          <p:nvPr userDrawn="1"/>
        </p:nvCxnSpPr>
        <p:spPr>
          <a:xfrm>
            <a:off x="216816" y="6466787"/>
            <a:ext cx="11761308" cy="0"/>
          </a:xfrm>
          <a:prstGeom prst="line">
            <a:avLst/>
          </a:prstGeom>
          <a:ln w="6350">
            <a:solidFill>
              <a:srgbClr val="385F9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kstfelt 13">
            <a:extLst>
              <a:ext uri="{FF2B5EF4-FFF2-40B4-BE49-F238E27FC236}">
                <a16:creationId xmlns:a16="http://schemas.microsoft.com/office/drawing/2014/main" id="{C86F592A-106A-03C0-4735-6E7A4BB092E3}"/>
              </a:ext>
            </a:extLst>
          </p:cNvPr>
          <p:cNvSpPr txBox="1"/>
          <p:nvPr userDrawn="1"/>
        </p:nvSpPr>
        <p:spPr>
          <a:xfrm>
            <a:off x="216816" y="6525593"/>
            <a:ext cx="9414860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00" dirty="0">
                <a:solidFill>
                  <a:srgbClr val="F19F49"/>
                </a:solidFill>
              </a:rPr>
              <a:t>IABMAS 2024 – Copenhagen - Bridge Maintenance, Safety, Management, Digitalization and Sustainability</a:t>
            </a:r>
            <a:endParaRPr lang="da-DK" sz="1000" dirty="0">
              <a:solidFill>
                <a:srgbClr val="F19F49"/>
              </a:solidFill>
            </a:endParaRPr>
          </a:p>
        </p:txBody>
      </p:sp>
      <p:pic>
        <p:nvPicPr>
          <p:cNvPr id="3" name="Billede 2" descr="Et billede, der indeholder tekst, Font/skrifttype, logo, Grafik&#10;&#10;Automatisk genereret beskrivelse">
            <a:extLst>
              <a:ext uri="{FF2B5EF4-FFF2-40B4-BE49-F238E27FC236}">
                <a16:creationId xmlns:a16="http://schemas.microsoft.com/office/drawing/2014/main" id="{30BCA3CC-ED85-4384-0F70-6C8CAF467A5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52094" y="189231"/>
            <a:ext cx="1606561" cy="10903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62441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375894A-8796-61D4-A78C-13D80BE965E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33475" y="209296"/>
            <a:ext cx="1544649" cy="1036801"/>
          </a:xfrm>
          <a:prstGeom prst="rect">
            <a:avLst/>
          </a:prstGeom>
        </p:spPr>
      </p:pic>
      <p:sp>
        <p:nvSpPr>
          <p:cNvPr id="11" name="Title 10">
            <a:extLst>
              <a:ext uri="{FF2B5EF4-FFF2-40B4-BE49-F238E27FC236}">
                <a16:creationId xmlns:a16="http://schemas.microsoft.com/office/drawing/2014/main" id="{CD09EF36-F641-6859-3EB4-C12A4FBB27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09217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>
            <a:extLst>
              <a:ext uri="{FF2B5EF4-FFF2-40B4-BE49-F238E27FC236}">
                <a16:creationId xmlns:a16="http://schemas.microsoft.com/office/drawing/2014/main" id="{E742E7F3-295E-726D-4D52-98D57C65F43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00F5976-9249-9C23-4BBA-12886DEFBD7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E25E705-7DCA-988C-CADA-5353CF96DAD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2E4BA063-972B-4B9A-B330-94FC258AB338}" type="datetimeFigureOut">
              <a:rPr lang="da-DK" smtClean="0"/>
              <a:t>20-05-2024</a:t>
            </a:fld>
            <a:endParaRPr lang="da-DK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B247E2F4-1199-2486-D4AE-0AEB8BC820B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692D8DD-9C52-A6FE-EE2F-6D46E708DDA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54EF2059-2FCB-4B5C-B762-D63B462DECDC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6946493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6" r:id="rId1"/>
    <p:sldLayoutId id="2147483717" r:id="rId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C9FCCFE-889F-4525-B43F-166C7E08A49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C42956A-95BE-20F3-1936-259655BB63A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marL="0" lvl="0" indent="0">
              <a:buNone/>
            </a:pPr>
            <a:r>
              <a:rPr lang="en-GB" sz="3200" noProof="0" dirty="0"/>
              <a:t>Author(s), affiliation, country 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5FF75E0-1BB3-4CF0-848A-D978DD9F00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5501" y="217822"/>
            <a:ext cx="10485800" cy="804214"/>
          </a:xfrm>
        </p:spPr>
        <p:txBody>
          <a:bodyPr>
            <a:normAutofit/>
          </a:bodyPr>
          <a:lstStyle/>
          <a:p>
            <a:r>
              <a:rPr lang="da-DK" dirty="0" err="1"/>
              <a:t>Headline</a:t>
            </a:r>
            <a:r>
              <a:rPr lang="da-DK" dirty="0"/>
              <a:t> </a:t>
            </a:r>
            <a:endParaRPr lang="en-GB" dirty="0"/>
          </a:p>
        </p:txBody>
      </p:sp>
      <p:cxnSp>
        <p:nvCxnSpPr>
          <p:cNvPr id="14" name="Lige forbindelse 13">
            <a:extLst>
              <a:ext uri="{FF2B5EF4-FFF2-40B4-BE49-F238E27FC236}">
                <a16:creationId xmlns:a16="http://schemas.microsoft.com/office/drawing/2014/main" id="{A6BDFE4D-B0A5-A3F6-E205-D5DBC6A0FBB7}"/>
              </a:ext>
            </a:extLst>
          </p:cNvPr>
          <p:cNvCxnSpPr>
            <a:cxnSpLocks/>
          </p:cNvCxnSpPr>
          <p:nvPr/>
        </p:nvCxnSpPr>
        <p:spPr>
          <a:xfrm>
            <a:off x="216816" y="6466787"/>
            <a:ext cx="11761308" cy="0"/>
          </a:xfrm>
          <a:prstGeom prst="line">
            <a:avLst/>
          </a:prstGeom>
          <a:ln w="6350">
            <a:solidFill>
              <a:srgbClr val="385F9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ekstfelt 14">
            <a:extLst>
              <a:ext uri="{FF2B5EF4-FFF2-40B4-BE49-F238E27FC236}">
                <a16:creationId xmlns:a16="http://schemas.microsoft.com/office/drawing/2014/main" id="{7CBFA103-5C28-5B9A-E8A1-2C5D691EE4E6}"/>
              </a:ext>
            </a:extLst>
          </p:cNvPr>
          <p:cNvSpPr txBox="1"/>
          <p:nvPr/>
        </p:nvSpPr>
        <p:spPr>
          <a:xfrm>
            <a:off x="216816" y="6525593"/>
            <a:ext cx="9414860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00" dirty="0">
                <a:solidFill>
                  <a:srgbClr val="F19F49"/>
                </a:solidFill>
              </a:rPr>
              <a:t>IABMAS 2024 – Copenhagen - Bridge Maintenance, Safety, Management, Digitalization and Sustainability</a:t>
            </a:r>
            <a:endParaRPr lang="da-DK" sz="1000" dirty="0">
              <a:solidFill>
                <a:srgbClr val="F19F49"/>
              </a:solidFill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681673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470DD098-FE3B-1FF7-B2B0-DBE76E6FDB1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1800" y="2056644"/>
            <a:ext cx="10515600" cy="4351338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>
              <a:buClr>
                <a:srgbClr val="385F95"/>
              </a:buClr>
            </a:pPr>
            <a:r>
              <a:rPr lang="en-GB" sz="2000" noProof="0" dirty="0"/>
              <a:t>Click to add text </a:t>
            </a:r>
            <a:br>
              <a:rPr lang="en-GB" sz="2000" noProof="0" dirty="0"/>
            </a:br>
            <a:r>
              <a:rPr lang="en-GB" sz="2000" noProof="0" dirty="0"/>
              <a:t>Enter &amp; TAB for next text level</a:t>
            </a:r>
            <a:br>
              <a:rPr lang="en-GB" sz="2000" noProof="0" dirty="0"/>
            </a:br>
            <a:r>
              <a:rPr lang="en-GB" sz="2000" noProof="0" dirty="0"/>
              <a:t>SHIFT+TAB to go back in levels</a:t>
            </a:r>
          </a:p>
          <a:p>
            <a:pPr lvl="1">
              <a:buClr>
                <a:srgbClr val="385F95"/>
              </a:buClr>
            </a:pPr>
            <a:r>
              <a:rPr lang="en-GB" sz="2000" noProof="0" dirty="0"/>
              <a:t>Second level</a:t>
            </a:r>
          </a:p>
        </p:txBody>
      </p:sp>
      <p:sp>
        <p:nvSpPr>
          <p:cNvPr id="14" name="Title 10">
            <a:extLst>
              <a:ext uri="{FF2B5EF4-FFF2-40B4-BE49-F238E27FC236}">
                <a16:creationId xmlns:a16="http://schemas.microsoft.com/office/drawing/2014/main" id="{28BF022C-37CA-2690-3C56-9F3094366A9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6816" y="0"/>
            <a:ext cx="10515600" cy="1325563"/>
          </a:xfrm>
        </p:spPr>
        <p:txBody>
          <a:bodyPr>
            <a:normAutofit/>
          </a:bodyPr>
          <a:lstStyle>
            <a:lvl1pPr>
              <a:defRPr>
                <a:solidFill>
                  <a:srgbClr val="385F95"/>
                </a:solidFill>
              </a:defRPr>
            </a:lvl1pPr>
          </a:lstStyle>
          <a:p>
            <a:r>
              <a:rPr lang="en-US" sz="3200" dirty="0"/>
              <a:t>Title</a:t>
            </a:r>
            <a:endParaRPr lang="en-GB" sz="3200" dirty="0"/>
          </a:p>
        </p:txBody>
      </p:sp>
      <p:sp>
        <p:nvSpPr>
          <p:cNvPr id="13" name="Slide Number Placeholder 9">
            <a:extLst>
              <a:ext uri="{FF2B5EF4-FFF2-40B4-BE49-F238E27FC236}">
                <a16:creationId xmlns:a16="http://schemas.microsoft.com/office/drawing/2014/main" id="{BC937688-841C-A832-E894-CA41C8BFEA5B}"/>
              </a:ext>
            </a:extLst>
          </p:cNvPr>
          <p:cNvSpPr txBox="1">
            <a:spLocks/>
          </p:cNvSpPr>
          <p:nvPr/>
        </p:nvSpPr>
        <p:spPr>
          <a:xfrm>
            <a:off x="11206800" y="6589031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0" kern="1200">
                <a:solidFill>
                  <a:srgbClr val="385F95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  <p:cxnSp>
        <p:nvCxnSpPr>
          <p:cNvPr id="15" name="Lige forbindelse 14">
            <a:extLst>
              <a:ext uri="{FF2B5EF4-FFF2-40B4-BE49-F238E27FC236}">
                <a16:creationId xmlns:a16="http://schemas.microsoft.com/office/drawing/2014/main" id="{57C5E7BA-290A-F1DA-175C-34DFBD615F9E}"/>
              </a:ext>
            </a:extLst>
          </p:cNvPr>
          <p:cNvCxnSpPr>
            <a:cxnSpLocks/>
          </p:cNvCxnSpPr>
          <p:nvPr/>
        </p:nvCxnSpPr>
        <p:spPr>
          <a:xfrm>
            <a:off x="216816" y="6466787"/>
            <a:ext cx="11761308" cy="0"/>
          </a:xfrm>
          <a:prstGeom prst="line">
            <a:avLst/>
          </a:prstGeom>
          <a:ln w="6350">
            <a:solidFill>
              <a:srgbClr val="385F9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kstfelt 15">
            <a:extLst>
              <a:ext uri="{FF2B5EF4-FFF2-40B4-BE49-F238E27FC236}">
                <a16:creationId xmlns:a16="http://schemas.microsoft.com/office/drawing/2014/main" id="{9638451D-FE3F-FE86-0DB7-D1C4BE037A10}"/>
              </a:ext>
            </a:extLst>
          </p:cNvPr>
          <p:cNvSpPr txBox="1"/>
          <p:nvPr/>
        </p:nvSpPr>
        <p:spPr>
          <a:xfrm>
            <a:off x="216816" y="6525593"/>
            <a:ext cx="9414860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00" dirty="0">
                <a:solidFill>
                  <a:srgbClr val="F19F49"/>
                </a:solidFill>
              </a:rPr>
              <a:t>IABMAS 2024 – Copenhagen - Bridge Maintenance, Safety, Management, Digitalization and Sustainability</a:t>
            </a:r>
            <a:endParaRPr lang="da-DK" sz="1000" dirty="0">
              <a:solidFill>
                <a:srgbClr val="F19F49"/>
              </a:solidFill>
            </a:endParaRPr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8658672D-D6F7-9C6A-E6DA-0BB36AD780D0}"/>
              </a:ext>
            </a:extLst>
          </p:cNvPr>
          <p:cNvSpPr txBox="1">
            <a:spLocks/>
          </p:cNvSpPr>
          <p:nvPr/>
        </p:nvSpPr>
        <p:spPr>
          <a:xfrm>
            <a:off x="431800" y="1253331"/>
            <a:ext cx="10515600" cy="68107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2200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148016671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1"/>
</p:tagLst>
</file>

<file path=ppt/theme/theme1.xml><?xml version="1.0" encoding="utf-8"?>
<a:theme xmlns:a="http://schemas.openxmlformats.org/drawingml/2006/main" name="Brugerdefineret design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441FA2CEE880A4D942B9728FEE44409" ma:contentTypeVersion="16" ma:contentTypeDescription="Opret et nyt dokument." ma:contentTypeScope="" ma:versionID="fb432a3032b68e21291030a6b9000eb4">
  <xsd:schema xmlns:xsd="http://www.w3.org/2001/XMLSchema" xmlns:xs="http://www.w3.org/2001/XMLSchema" xmlns:p="http://schemas.microsoft.com/office/2006/metadata/properties" xmlns:ns2="f502ecb4-313b-4c8b-ac1a-a2133c4c55c1" xmlns:ns3="b78f5926-5d87-48b0-b9f0-7f23033d1efa" targetNamespace="http://schemas.microsoft.com/office/2006/metadata/properties" ma:root="true" ma:fieldsID="320935ecb18f5ac8f25ce14c6ca423f3" ns2:_="" ns3:_="">
    <xsd:import namespace="f502ecb4-313b-4c8b-ac1a-a2133c4c55c1"/>
    <xsd:import namespace="b78f5926-5d87-48b0-b9f0-7f23033d1ef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502ecb4-313b-4c8b-ac1a-a2133c4c55c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882721a9-3f3d-4779-b4f8-53221ef4f4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78f5926-5d87-48b0-b9f0-7f23033d1efa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a8e10c4c-4889-4f7c-9c45-49e9d64ea3c6}" ma:internalName="TaxCatchAll" ma:showField="CatchAllData" ma:web="b78f5926-5d87-48b0-b9f0-7f23033d1ef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870937919003033603","enableDocumentContentUpdater":false,"version":"2.0"}]]></TemplafySlide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78f5926-5d87-48b0-b9f0-7f23033d1efa" xsi:nil="true"/>
    <lcf76f155ced4ddcb4097134ff3c332f xmlns="f502ecb4-313b-4c8b-ac1a-a2133c4c55c1">
      <Terms xmlns="http://schemas.microsoft.com/office/infopath/2007/PartnerControls"/>
    </lcf76f155ced4ddcb4097134ff3c332f>
  </documentManagement>
</p:properties>
</file>

<file path=customXml/item7.xml><?xml version="1.0" encoding="utf-8"?>
<TemplafyTemplateConfiguration><![CDATA[{"elementsMetadata":[{"type":"shape","id":"a084f7ee-be9b-44c4-99ea-9b09b342a6b9","elementConfiguration":{"binding":"{{UserProfile.Office.BlankSelection}}","visibility":"","type":"text","disableUpdates":false}}],"transformationConfigurations":[{"propertyName":"BlankSelection","propertyValue":"{{UserProfile.Office.BlankSelection}}","disableUpdates":false,"type":"customDocumentProperty"},{"propertyName":"IsNew","propertyValue":"true","disableUpdates":false,"type":"customDocumentProperty"}],"templateName":"Blank","templateDescription":"","enableDocumentContentUpdater":fals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binding":"{{UserProfile.Office.BlankSelection}}","visibility":"","type":"text","disableUpdates":false}}],"slideId":"87093791900303360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13A3067-8B87-4BB8-9074-25CDC43A7AD1}">
  <ds:schemaRefs/>
</ds:datastoreItem>
</file>

<file path=customXml/itemProps2.xml><?xml version="1.0" encoding="utf-8"?>
<ds:datastoreItem xmlns:ds="http://schemas.openxmlformats.org/officeDocument/2006/customXml" ds:itemID="{70129E67-67F3-4D85-A51F-37E12ED15E5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502ecb4-313b-4c8b-ac1a-a2133c4c55c1"/>
    <ds:schemaRef ds:uri="b78f5926-5d87-48b0-b9f0-7f23033d1ef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499DD09-346E-4084-AE1D-06BF71408F1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C18D6C4-FEAE-4F2F-AD14-79D751B65BF8}">
  <ds:schemaRefs/>
</ds:datastoreItem>
</file>

<file path=customXml/itemProps5.xml><?xml version="1.0" encoding="utf-8"?>
<ds:datastoreItem xmlns:ds="http://schemas.openxmlformats.org/officeDocument/2006/customXml" ds:itemID="{56D6D64A-C590-4630-BC63-424CD28DE0BD}">
  <ds:schemaRefs/>
</ds:datastoreItem>
</file>

<file path=customXml/itemProps6.xml><?xml version="1.0" encoding="utf-8"?>
<ds:datastoreItem xmlns:ds="http://schemas.openxmlformats.org/officeDocument/2006/customXml" ds:itemID="{5543EF78-2F65-46A2-8B9B-EEAF70AEB4C8}">
  <ds:schemaRefs>
    <ds:schemaRef ds:uri="http://schemas.microsoft.com/office/2006/metadata/properties"/>
    <ds:schemaRef ds:uri="http://schemas.microsoft.com/office/infopath/2007/PartnerControls"/>
    <ds:schemaRef ds:uri="b78f5926-5d87-48b0-b9f0-7f23033d1efa"/>
    <ds:schemaRef ds:uri="f502ecb4-313b-4c8b-ac1a-a2133c4c55c1"/>
  </ds:schemaRefs>
</ds:datastoreItem>
</file>

<file path=customXml/itemProps7.xml><?xml version="1.0" encoding="utf-8"?>
<ds:datastoreItem xmlns:ds="http://schemas.openxmlformats.org/officeDocument/2006/customXml" ds:itemID="{0D7A3A21-999B-468C-A495-01738D07585D}">
  <ds:schemaRefs/>
</ds:datastoreItem>
</file>

<file path=customXml/itemProps8.xml><?xml version="1.0" encoding="utf-8"?>
<ds:datastoreItem xmlns:ds="http://schemas.openxmlformats.org/officeDocument/2006/customXml" ds:itemID="{0E7692AA-7650-4209-AB80-E2578F710FEB}">
  <ds:schemaRefs/>
</ds:datastoreItem>
</file>

<file path=customXml/itemProps9.xml><?xml version="1.0" encoding="utf-8"?>
<ds:datastoreItem xmlns:ds="http://schemas.openxmlformats.org/officeDocument/2006/customXml" ds:itemID="{D8033785-F373-4A47-AD39-951F7C08479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30</TotalTime>
  <Words>65</Words>
  <Application>Microsoft Office PowerPoint</Application>
  <PresentationFormat>Widescreen</PresentationFormat>
  <Paragraphs>10</Paragraphs>
  <Slides>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</vt:i4>
      </vt:variant>
    </vt:vector>
  </HeadingPairs>
  <TitlesOfParts>
    <vt:vector size="6" baseType="lpstr">
      <vt:lpstr>Aptos</vt:lpstr>
      <vt:lpstr>Aptos Display</vt:lpstr>
      <vt:lpstr>Arial</vt:lpstr>
      <vt:lpstr>Brugerdefineret design</vt:lpstr>
      <vt:lpstr>Headline </vt:lpstr>
      <vt:lpstr>Titl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oan Hee Roldsgaard</dc:creator>
  <cp:lastModifiedBy>Jacob Wittrup Schmidt</cp:lastModifiedBy>
  <cp:revision>3</cp:revision>
  <dcterms:created xsi:type="dcterms:W3CDTF">2024-05-16T11:44:21Z</dcterms:created>
  <dcterms:modified xsi:type="dcterms:W3CDTF">2024-05-20T19:19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441FA2CEE880A4D942B9728FEE44409</vt:lpwstr>
  </property>
  <property fmtid="{D5CDD505-2E9C-101B-9397-08002B2CF9AE}" pid="3" name="MSIP_Label_459ef8e5-3aaa-41a0-b30c-a77b6f506147_Enabled">
    <vt:lpwstr>true</vt:lpwstr>
  </property>
  <property fmtid="{D5CDD505-2E9C-101B-9397-08002B2CF9AE}" pid="4" name="MSIP_Label_459ef8e5-3aaa-41a0-b30c-a77b6f506147_SetDate">
    <vt:lpwstr>2024-03-19T12:01:25Z</vt:lpwstr>
  </property>
  <property fmtid="{D5CDD505-2E9C-101B-9397-08002B2CF9AE}" pid="5" name="MSIP_Label_459ef8e5-3aaa-41a0-b30c-a77b6f506147_Method">
    <vt:lpwstr>Standard</vt:lpwstr>
  </property>
  <property fmtid="{D5CDD505-2E9C-101B-9397-08002B2CF9AE}" pid="6" name="MSIP_Label_459ef8e5-3aaa-41a0-b30c-a77b6f506147_Name">
    <vt:lpwstr>Internal</vt:lpwstr>
  </property>
  <property fmtid="{D5CDD505-2E9C-101B-9397-08002B2CF9AE}" pid="7" name="MSIP_Label_459ef8e5-3aaa-41a0-b30c-a77b6f506147_SiteId">
    <vt:lpwstr>9343c96b-27bb-4092-add6-977870612481</vt:lpwstr>
  </property>
  <property fmtid="{D5CDD505-2E9C-101B-9397-08002B2CF9AE}" pid="8" name="MSIP_Label_459ef8e5-3aaa-41a0-b30c-a77b6f506147_ActionId">
    <vt:lpwstr>f087f2c6-db2c-47ee-aaa5-6fc8269fc24e</vt:lpwstr>
  </property>
  <property fmtid="{D5CDD505-2E9C-101B-9397-08002B2CF9AE}" pid="9" name="MSIP_Label_459ef8e5-3aaa-41a0-b30c-a77b6f506147_ContentBits">
    <vt:lpwstr>0</vt:lpwstr>
  </property>
  <property fmtid="{D5CDD505-2E9C-101B-9397-08002B2CF9AE}" pid="10" name="TemplafyTimeStamp">
    <vt:lpwstr>2024-03-19T12:01:58</vt:lpwstr>
  </property>
  <property fmtid="{D5CDD505-2E9C-101B-9397-08002B2CF9AE}" pid="11" name="TemplafyTenantId">
    <vt:lpwstr>ramboll</vt:lpwstr>
  </property>
  <property fmtid="{D5CDD505-2E9C-101B-9397-08002B2CF9AE}" pid="12" name="TemplafyTemplateId">
    <vt:lpwstr>870937910124741133</vt:lpwstr>
  </property>
  <property fmtid="{D5CDD505-2E9C-101B-9397-08002B2CF9AE}" pid="13" name="TemplafyUserProfileId">
    <vt:lpwstr>637835491666277502</vt:lpwstr>
  </property>
  <property fmtid="{D5CDD505-2E9C-101B-9397-08002B2CF9AE}" pid="14" name="TemplafyLanguageCode">
    <vt:lpwstr>da-DK</vt:lpwstr>
  </property>
  <property fmtid="{D5CDD505-2E9C-101B-9397-08002B2CF9AE}" pid="15" name="BlankSelection">
    <vt:lpwstr>Ramboll</vt:lpwstr>
  </property>
  <property fmtid="{D5CDD505-2E9C-101B-9397-08002B2CF9AE}" pid="16" name="TemplafyFromBlank">
    <vt:bool>true</vt:bool>
  </property>
  <property fmtid="{D5CDD505-2E9C-101B-9397-08002B2CF9AE}" pid="17" name="Doc_AcceptedBy">
    <vt:lpwstr> </vt:lpwstr>
  </property>
  <property fmtid="{D5CDD505-2E9C-101B-9397-08002B2CF9AE}" pid="18" name="Doc_AcceptedDate">
    <vt:lpwstr> </vt:lpwstr>
  </property>
  <property fmtid="{D5CDD505-2E9C-101B-9397-08002B2CF9AE}" pid="19" name="Doc_ApprovedPublicationBy">
    <vt:lpwstr> </vt:lpwstr>
  </property>
  <property fmtid="{D5CDD505-2E9C-101B-9397-08002B2CF9AE}" pid="20" name="Doc_ApprovedPublicationDate">
    <vt:lpwstr> </vt:lpwstr>
  </property>
  <property fmtid="{D5CDD505-2E9C-101B-9397-08002B2CF9AE}" pid="21" name="Doc_ApprovedSharingBy">
    <vt:lpwstr> </vt:lpwstr>
  </property>
  <property fmtid="{D5CDD505-2E9C-101B-9397-08002B2CF9AE}" pid="22" name="Doc_ApprovedSharingDate">
    <vt:lpwstr> </vt:lpwstr>
  </property>
  <property fmtid="{D5CDD505-2E9C-101B-9397-08002B2CF9AE}" pid="23" name="Doc_CheckedBy">
    <vt:lpwstr> </vt:lpwstr>
  </property>
  <property fmtid="{D5CDD505-2E9C-101B-9397-08002B2CF9AE}" pid="24" name="Doc_CheckedDate">
    <vt:lpwstr> </vt:lpwstr>
  </property>
  <property fmtid="{D5CDD505-2E9C-101B-9397-08002B2CF9AE}" pid="25" name="Doc_Client">
    <vt:lpwstr> </vt:lpwstr>
  </property>
  <property fmtid="{D5CDD505-2E9C-101B-9397-08002B2CF9AE}" pid="26" name="Doc_DesignStatus">
    <vt:lpwstr> </vt:lpwstr>
  </property>
  <property fmtid="{D5CDD505-2E9C-101B-9397-08002B2CF9AE}" pid="27" name="Doc_DocNumber">
    <vt:lpwstr> </vt:lpwstr>
  </property>
  <property fmtid="{D5CDD505-2E9C-101B-9397-08002B2CF9AE}" pid="28" name="Doc_DocTitle1">
    <vt:lpwstr> </vt:lpwstr>
  </property>
  <property fmtid="{D5CDD505-2E9C-101B-9397-08002B2CF9AE}" pid="29" name="Doc_DocTitle2">
    <vt:lpwstr> </vt:lpwstr>
  </property>
  <property fmtid="{D5CDD505-2E9C-101B-9397-08002B2CF9AE}" pid="30" name="Doc_DocTitle3">
    <vt:lpwstr> </vt:lpwstr>
  </property>
  <property fmtid="{D5CDD505-2E9C-101B-9397-08002B2CF9AE}" pid="31" name="Doc_DocTitle4">
    <vt:lpwstr> </vt:lpwstr>
  </property>
  <property fmtid="{D5CDD505-2E9C-101B-9397-08002B2CF9AE}" pid="32" name="Doc_MaconomyID">
    <vt:lpwstr> </vt:lpwstr>
  </property>
  <property fmtid="{D5CDD505-2E9C-101B-9397-08002B2CF9AE}" pid="33" name="Doc_Originator">
    <vt:lpwstr> </vt:lpwstr>
  </property>
  <property fmtid="{D5CDD505-2E9C-101B-9397-08002B2CF9AE}" pid="34" name="Doc_PreparedBy">
    <vt:lpwstr> </vt:lpwstr>
  </property>
  <property fmtid="{D5CDD505-2E9C-101B-9397-08002B2CF9AE}" pid="35" name="Doc_PreparedDate">
    <vt:lpwstr> </vt:lpwstr>
  </property>
  <property fmtid="{D5CDD505-2E9C-101B-9397-08002B2CF9AE}" pid="36" name="Doc_ProjectName">
    <vt:lpwstr> </vt:lpwstr>
  </property>
  <property fmtid="{D5CDD505-2E9C-101B-9397-08002B2CF9AE}" pid="37" name="Doc_Revision">
    <vt:lpwstr> </vt:lpwstr>
  </property>
  <property fmtid="{D5CDD505-2E9C-101B-9397-08002B2CF9AE}" pid="38" name="Doc_Revision1">
    <vt:lpwstr> </vt:lpwstr>
  </property>
  <property fmtid="{D5CDD505-2E9C-101B-9397-08002B2CF9AE}" pid="39" name="Doc_Revision10">
    <vt:lpwstr> </vt:lpwstr>
  </property>
  <property fmtid="{D5CDD505-2E9C-101B-9397-08002B2CF9AE}" pid="40" name="Doc_Revision10ApprovedBy">
    <vt:lpwstr> </vt:lpwstr>
  </property>
  <property fmtid="{D5CDD505-2E9C-101B-9397-08002B2CF9AE}" pid="41" name="Doc_Revision10CheckedBy">
    <vt:lpwstr> </vt:lpwstr>
  </property>
  <property fmtid="{D5CDD505-2E9C-101B-9397-08002B2CF9AE}" pid="42" name="Doc_Revision10Date">
    <vt:lpwstr> </vt:lpwstr>
  </property>
  <property fmtid="{D5CDD505-2E9C-101B-9397-08002B2CF9AE}" pid="43" name="Doc_Revision10DesignedBy">
    <vt:lpwstr> </vt:lpwstr>
  </property>
  <property fmtid="{D5CDD505-2E9C-101B-9397-08002B2CF9AE}" pid="44" name="Doc_Revision10Note">
    <vt:lpwstr> </vt:lpwstr>
  </property>
  <property fmtid="{D5CDD505-2E9C-101B-9397-08002B2CF9AE}" pid="45" name="Doc_Revision10PreparedBy">
    <vt:lpwstr> </vt:lpwstr>
  </property>
  <property fmtid="{D5CDD505-2E9C-101B-9397-08002B2CF9AE}" pid="46" name="Doc_Revision11">
    <vt:lpwstr> </vt:lpwstr>
  </property>
  <property fmtid="{D5CDD505-2E9C-101B-9397-08002B2CF9AE}" pid="47" name="Doc_Revision11ApprovedBy">
    <vt:lpwstr> </vt:lpwstr>
  </property>
  <property fmtid="{D5CDD505-2E9C-101B-9397-08002B2CF9AE}" pid="48" name="Doc_Revision11CheckedBy">
    <vt:lpwstr> </vt:lpwstr>
  </property>
  <property fmtid="{D5CDD505-2E9C-101B-9397-08002B2CF9AE}" pid="49" name="Doc_Revision11Date">
    <vt:lpwstr> </vt:lpwstr>
  </property>
  <property fmtid="{D5CDD505-2E9C-101B-9397-08002B2CF9AE}" pid="50" name="Doc_Revision11DesignedBy">
    <vt:lpwstr> </vt:lpwstr>
  </property>
  <property fmtid="{D5CDD505-2E9C-101B-9397-08002B2CF9AE}" pid="51" name="Doc_Revision11Note">
    <vt:lpwstr> </vt:lpwstr>
  </property>
  <property fmtid="{D5CDD505-2E9C-101B-9397-08002B2CF9AE}" pid="52" name="Doc_Revision11PreparedBy">
    <vt:lpwstr> </vt:lpwstr>
  </property>
  <property fmtid="{D5CDD505-2E9C-101B-9397-08002B2CF9AE}" pid="53" name="Doc_Revision12">
    <vt:lpwstr> </vt:lpwstr>
  </property>
  <property fmtid="{D5CDD505-2E9C-101B-9397-08002B2CF9AE}" pid="54" name="Doc_Revision12ApprovedBy">
    <vt:lpwstr> </vt:lpwstr>
  </property>
  <property fmtid="{D5CDD505-2E9C-101B-9397-08002B2CF9AE}" pid="55" name="Doc_Revision12CheckedBy">
    <vt:lpwstr> </vt:lpwstr>
  </property>
  <property fmtid="{D5CDD505-2E9C-101B-9397-08002B2CF9AE}" pid="56" name="Doc_Revision12Date">
    <vt:lpwstr> </vt:lpwstr>
  </property>
  <property fmtid="{D5CDD505-2E9C-101B-9397-08002B2CF9AE}" pid="57" name="Doc_Revision12DesignedBy">
    <vt:lpwstr> </vt:lpwstr>
  </property>
  <property fmtid="{D5CDD505-2E9C-101B-9397-08002B2CF9AE}" pid="58" name="Doc_Revision12Note">
    <vt:lpwstr> </vt:lpwstr>
  </property>
  <property fmtid="{D5CDD505-2E9C-101B-9397-08002B2CF9AE}" pid="59" name="Doc_Revision12PreparedBy">
    <vt:lpwstr> </vt:lpwstr>
  </property>
  <property fmtid="{D5CDD505-2E9C-101B-9397-08002B2CF9AE}" pid="60" name="Doc_Revision1ApprovedBy">
    <vt:lpwstr> </vt:lpwstr>
  </property>
  <property fmtid="{D5CDD505-2E9C-101B-9397-08002B2CF9AE}" pid="61" name="Doc_Revision1CheckedBy">
    <vt:lpwstr> </vt:lpwstr>
  </property>
  <property fmtid="{D5CDD505-2E9C-101B-9397-08002B2CF9AE}" pid="62" name="Doc_Revision1Date">
    <vt:lpwstr> </vt:lpwstr>
  </property>
  <property fmtid="{D5CDD505-2E9C-101B-9397-08002B2CF9AE}" pid="63" name="Doc_Revision1DesignedBy">
    <vt:lpwstr> </vt:lpwstr>
  </property>
  <property fmtid="{D5CDD505-2E9C-101B-9397-08002B2CF9AE}" pid="64" name="Doc_Revision1Note">
    <vt:lpwstr> </vt:lpwstr>
  </property>
  <property fmtid="{D5CDD505-2E9C-101B-9397-08002B2CF9AE}" pid="65" name="Doc_Revision1PreparedBy">
    <vt:lpwstr> </vt:lpwstr>
  </property>
  <property fmtid="{D5CDD505-2E9C-101B-9397-08002B2CF9AE}" pid="66" name="Doc_Revision2">
    <vt:lpwstr> </vt:lpwstr>
  </property>
  <property fmtid="{D5CDD505-2E9C-101B-9397-08002B2CF9AE}" pid="67" name="Doc_Revision2ApprovedBy">
    <vt:lpwstr> </vt:lpwstr>
  </property>
  <property fmtid="{D5CDD505-2E9C-101B-9397-08002B2CF9AE}" pid="68" name="Doc_Revision2CheckedBy">
    <vt:lpwstr> </vt:lpwstr>
  </property>
  <property fmtid="{D5CDD505-2E9C-101B-9397-08002B2CF9AE}" pid="69" name="Doc_Revision2Date">
    <vt:lpwstr> </vt:lpwstr>
  </property>
  <property fmtid="{D5CDD505-2E9C-101B-9397-08002B2CF9AE}" pid="70" name="Doc_Revision2DesignedBy">
    <vt:lpwstr> </vt:lpwstr>
  </property>
  <property fmtid="{D5CDD505-2E9C-101B-9397-08002B2CF9AE}" pid="71" name="Doc_Revision2Note">
    <vt:lpwstr> </vt:lpwstr>
  </property>
  <property fmtid="{D5CDD505-2E9C-101B-9397-08002B2CF9AE}" pid="72" name="Doc_Revision2PreparedBy">
    <vt:lpwstr> </vt:lpwstr>
  </property>
  <property fmtid="{D5CDD505-2E9C-101B-9397-08002B2CF9AE}" pid="73" name="Doc_Revision3">
    <vt:lpwstr> </vt:lpwstr>
  </property>
  <property fmtid="{D5CDD505-2E9C-101B-9397-08002B2CF9AE}" pid="74" name="Doc_Revision3ApprovedBy">
    <vt:lpwstr> </vt:lpwstr>
  </property>
  <property fmtid="{D5CDD505-2E9C-101B-9397-08002B2CF9AE}" pid="75" name="Doc_Revision3CheckedBy">
    <vt:lpwstr> </vt:lpwstr>
  </property>
  <property fmtid="{D5CDD505-2E9C-101B-9397-08002B2CF9AE}" pid="76" name="Doc_Revision3Date">
    <vt:lpwstr> </vt:lpwstr>
  </property>
  <property fmtid="{D5CDD505-2E9C-101B-9397-08002B2CF9AE}" pid="77" name="Doc_Revision3DesignedBy">
    <vt:lpwstr> </vt:lpwstr>
  </property>
  <property fmtid="{D5CDD505-2E9C-101B-9397-08002B2CF9AE}" pid="78" name="Doc_Revision3Note">
    <vt:lpwstr> </vt:lpwstr>
  </property>
  <property fmtid="{D5CDD505-2E9C-101B-9397-08002B2CF9AE}" pid="79" name="Doc_Revision3PreparedBy">
    <vt:lpwstr> </vt:lpwstr>
  </property>
  <property fmtid="{D5CDD505-2E9C-101B-9397-08002B2CF9AE}" pid="80" name="Doc_Revision4">
    <vt:lpwstr> </vt:lpwstr>
  </property>
  <property fmtid="{D5CDD505-2E9C-101B-9397-08002B2CF9AE}" pid="81" name="Doc_Revision4ApprovedBy">
    <vt:lpwstr> </vt:lpwstr>
  </property>
  <property fmtid="{D5CDD505-2E9C-101B-9397-08002B2CF9AE}" pid="82" name="Doc_Revision4CheckedBy">
    <vt:lpwstr> </vt:lpwstr>
  </property>
  <property fmtid="{D5CDD505-2E9C-101B-9397-08002B2CF9AE}" pid="83" name="Doc_Revision4Date">
    <vt:lpwstr> </vt:lpwstr>
  </property>
  <property fmtid="{D5CDD505-2E9C-101B-9397-08002B2CF9AE}" pid="84" name="Doc_Revision4DesignedBy">
    <vt:lpwstr> </vt:lpwstr>
  </property>
  <property fmtid="{D5CDD505-2E9C-101B-9397-08002B2CF9AE}" pid="85" name="Doc_Revision4Note">
    <vt:lpwstr> </vt:lpwstr>
  </property>
  <property fmtid="{D5CDD505-2E9C-101B-9397-08002B2CF9AE}" pid="86" name="Doc_Revision4PreparedBy">
    <vt:lpwstr> </vt:lpwstr>
  </property>
  <property fmtid="{D5CDD505-2E9C-101B-9397-08002B2CF9AE}" pid="87" name="Doc_Revision5">
    <vt:lpwstr> </vt:lpwstr>
  </property>
  <property fmtid="{D5CDD505-2E9C-101B-9397-08002B2CF9AE}" pid="88" name="Doc_Revision5ApprovedBy">
    <vt:lpwstr> </vt:lpwstr>
  </property>
  <property fmtid="{D5CDD505-2E9C-101B-9397-08002B2CF9AE}" pid="89" name="Doc_Revision5CheckedBy">
    <vt:lpwstr> </vt:lpwstr>
  </property>
  <property fmtid="{D5CDD505-2E9C-101B-9397-08002B2CF9AE}" pid="90" name="Doc_Revision5Date">
    <vt:lpwstr> </vt:lpwstr>
  </property>
  <property fmtid="{D5CDD505-2E9C-101B-9397-08002B2CF9AE}" pid="91" name="Doc_Revision5DesignedBy">
    <vt:lpwstr> </vt:lpwstr>
  </property>
  <property fmtid="{D5CDD505-2E9C-101B-9397-08002B2CF9AE}" pid="92" name="Doc_Revision5Note">
    <vt:lpwstr> </vt:lpwstr>
  </property>
  <property fmtid="{D5CDD505-2E9C-101B-9397-08002B2CF9AE}" pid="93" name="Doc_Revision5PreparedBy">
    <vt:lpwstr> </vt:lpwstr>
  </property>
  <property fmtid="{D5CDD505-2E9C-101B-9397-08002B2CF9AE}" pid="94" name="Doc_Revision6">
    <vt:lpwstr> </vt:lpwstr>
  </property>
  <property fmtid="{D5CDD505-2E9C-101B-9397-08002B2CF9AE}" pid="95" name="Doc_Revision6ApprovedBy">
    <vt:lpwstr> </vt:lpwstr>
  </property>
  <property fmtid="{D5CDD505-2E9C-101B-9397-08002B2CF9AE}" pid="96" name="Doc_Revision6CheckedBy">
    <vt:lpwstr> </vt:lpwstr>
  </property>
  <property fmtid="{D5CDD505-2E9C-101B-9397-08002B2CF9AE}" pid="97" name="Doc_Revision6Date">
    <vt:lpwstr> </vt:lpwstr>
  </property>
  <property fmtid="{D5CDD505-2E9C-101B-9397-08002B2CF9AE}" pid="98" name="Doc_Revision6DesignedBy">
    <vt:lpwstr> </vt:lpwstr>
  </property>
  <property fmtid="{D5CDD505-2E9C-101B-9397-08002B2CF9AE}" pid="99" name="Doc_Revision6Note">
    <vt:lpwstr> </vt:lpwstr>
  </property>
  <property fmtid="{D5CDD505-2E9C-101B-9397-08002B2CF9AE}" pid="100" name="Doc_Revision6PreparedBy">
    <vt:lpwstr> </vt:lpwstr>
  </property>
  <property fmtid="{D5CDD505-2E9C-101B-9397-08002B2CF9AE}" pid="101" name="Doc_Revision7">
    <vt:lpwstr> </vt:lpwstr>
  </property>
  <property fmtid="{D5CDD505-2E9C-101B-9397-08002B2CF9AE}" pid="102" name="Doc_Revision7ApprovedBy">
    <vt:lpwstr> </vt:lpwstr>
  </property>
  <property fmtid="{D5CDD505-2E9C-101B-9397-08002B2CF9AE}" pid="103" name="Doc_Revision7CheckedBy">
    <vt:lpwstr> </vt:lpwstr>
  </property>
  <property fmtid="{D5CDD505-2E9C-101B-9397-08002B2CF9AE}" pid="104" name="Doc_Revision7Date">
    <vt:lpwstr> </vt:lpwstr>
  </property>
  <property fmtid="{D5CDD505-2E9C-101B-9397-08002B2CF9AE}" pid="105" name="Doc_Revision7DesignedBy">
    <vt:lpwstr> </vt:lpwstr>
  </property>
  <property fmtid="{D5CDD505-2E9C-101B-9397-08002B2CF9AE}" pid="106" name="Doc_Revision7Note">
    <vt:lpwstr> </vt:lpwstr>
  </property>
  <property fmtid="{D5CDD505-2E9C-101B-9397-08002B2CF9AE}" pid="107" name="Doc_Revision7PreparedBy">
    <vt:lpwstr> </vt:lpwstr>
  </property>
  <property fmtid="{D5CDD505-2E9C-101B-9397-08002B2CF9AE}" pid="108" name="Doc_Revision8">
    <vt:lpwstr> </vt:lpwstr>
  </property>
  <property fmtid="{D5CDD505-2E9C-101B-9397-08002B2CF9AE}" pid="109" name="Doc_Revision8ApprovedBy">
    <vt:lpwstr> </vt:lpwstr>
  </property>
  <property fmtid="{D5CDD505-2E9C-101B-9397-08002B2CF9AE}" pid="110" name="Doc_Revision8CheckedBy">
    <vt:lpwstr> </vt:lpwstr>
  </property>
  <property fmtid="{D5CDD505-2E9C-101B-9397-08002B2CF9AE}" pid="111" name="Doc_Revision8Date">
    <vt:lpwstr> </vt:lpwstr>
  </property>
  <property fmtid="{D5CDD505-2E9C-101B-9397-08002B2CF9AE}" pid="112" name="Doc_Revision8DesignedBy">
    <vt:lpwstr> </vt:lpwstr>
  </property>
  <property fmtid="{D5CDD505-2E9C-101B-9397-08002B2CF9AE}" pid="113" name="Doc_Revision8Note">
    <vt:lpwstr> </vt:lpwstr>
  </property>
  <property fmtid="{D5CDD505-2E9C-101B-9397-08002B2CF9AE}" pid="114" name="Doc_Revision8PreparedBy">
    <vt:lpwstr> </vt:lpwstr>
  </property>
  <property fmtid="{D5CDD505-2E9C-101B-9397-08002B2CF9AE}" pid="115" name="Doc_Revision9">
    <vt:lpwstr> </vt:lpwstr>
  </property>
  <property fmtid="{D5CDD505-2E9C-101B-9397-08002B2CF9AE}" pid="116" name="Doc_Revision9ApprovedBy">
    <vt:lpwstr> </vt:lpwstr>
  </property>
  <property fmtid="{D5CDD505-2E9C-101B-9397-08002B2CF9AE}" pid="117" name="Doc_Revision9CheckedBy">
    <vt:lpwstr> </vt:lpwstr>
  </property>
  <property fmtid="{D5CDD505-2E9C-101B-9397-08002B2CF9AE}" pid="118" name="Doc_Revision9Date">
    <vt:lpwstr> </vt:lpwstr>
  </property>
  <property fmtid="{D5CDD505-2E9C-101B-9397-08002B2CF9AE}" pid="119" name="Doc_Revision9DesignedBy">
    <vt:lpwstr> </vt:lpwstr>
  </property>
  <property fmtid="{D5CDD505-2E9C-101B-9397-08002B2CF9AE}" pid="120" name="Doc_Revision9Note">
    <vt:lpwstr> </vt:lpwstr>
  </property>
  <property fmtid="{D5CDD505-2E9C-101B-9397-08002B2CF9AE}" pid="121" name="Doc_Revision9PreparedBy">
    <vt:lpwstr> </vt:lpwstr>
  </property>
  <property fmtid="{D5CDD505-2E9C-101B-9397-08002B2CF9AE}" pid="122" name="Doc_RevisionNote">
    <vt:lpwstr> </vt:lpwstr>
  </property>
  <property fmtid="{D5CDD505-2E9C-101B-9397-08002B2CF9AE}" pid="123" name="Doc_SecurityClassification">
    <vt:lpwstr> </vt:lpwstr>
  </property>
  <property fmtid="{D5CDD505-2E9C-101B-9397-08002B2CF9AE}" pid="124" name="Doc_Suitability">
    <vt:lpwstr> </vt:lpwstr>
  </property>
  <property fmtid="{D5CDD505-2E9C-101B-9397-08002B2CF9AE}" pid="125" name="Doc_Unique_ProjectID">
    <vt:lpwstr> </vt:lpwstr>
  </property>
  <property fmtid="{D5CDD505-2E9C-101B-9397-08002B2CF9AE}" pid="126" name="Document_FileName">
    <vt:lpwstr> </vt:lpwstr>
  </property>
  <property fmtid="{D5CDD505-2E9C-101B-9397-08002B2CF9AE}" pid="127" name="Document_Name">
    <vt:lpwstr> </vt:lpwstr>
  </property>
  <property fmtid="{D5CDD505-2E9C-101B-9397-08002B2CF9AE}" pid="128" name="Document_Number">
    <vt:lpwstr> </vt:lpwstr>
  </property>
  <property fmtid="{D5CDD505-2E9C-101B-9397-08002B2CF9AE}" pid="129" name="Document_Version">
    <vt:lpwstr> </vt:lpwstr>
  </property>
  <property fmtid="{D5CDD505-2E9C-101B-9397-08002B2CF9AE}" pid="130" name="Document_VersionSeq">
    <vt:lpwstr> </vt:lpwstr>
  </property>
  <property fmtid="{D5CDD505-2E9C-101B-9397-08002B2CF9AE}" pid="131" name="Folder_Code">
    <vt:lpwstr> </vt:lpwstr>
  </property>
  <property fmtid="{D5CDD505-2E9C-101B-9397-08002B2CF9AE}" pid="132" name="Folder_CreateDate">
    <vt:lpwstr> </vt:lpwstr>
  </property>
  <property fmtid="{D5CDD505-2E9C-101B-9397-08002B2CF9AE}" pid="133" name="Folder_Creator">
    <vt:lpwstr> </vt:lpwstr>
  </property>
  <property fmtid="{D5CDD505-2E9C-101B-9397-08002B2CF9AE}" pid="134" name="Folder_CreatorDesc">
    <vt:lpwstr> </vt:lpwstr>
  </property>
  <property fmtid="{D5CDD505-2E9C-101B-9397-08002B2CF9AE}" pid="135" name="Folder_Description">
    <vt:lpwstr> </vt:lpwstr>
  </property>
  <property fmtid="{D5CDD505-2E9C-101B-9397-08002B2CF9AE}" pid="136" name="Folder_Manager">
    <vt:lpwstr> </vt:lpwstr>
  </property>
  <property fmtid="{D5CDD505-2E9C-101B-9397-08002B2CF9AE}" pid="137" name="Folder_ManagerDesc">
    <vt:lpwstr> </vt:lpwstr>
  </property>
  <property fmtid="{D5CDD505-2E9C-101B-9397-08002B2CF9AE}" pid="138" name="Folder_Name">
    <vt:lpwstr> </vt:lpwstr>
  </property>
  <property fmtid="{D5CDD505-2E9C-101B-9397-08002B2CF9AE}" pid="139" name="Folder_Number">
    <vt:lpwstr> </vt:lpwstr>
  </property>
  <property fmtid="{D5CDD505-2E9C-101B-9397-08002B2CF9AE}" pid="140" name="Folder_Storage">
    <vt:lpwstr> </vt:lpwstr>
  </property>
  <property fmtid="{D5CDD505-2E9C-101B-9397-08002B2CF9AE}" pid="141" name="Folder_StorageDesc">
    <vt:lpwstr> </vt:lpwstr>
  </property>
  <property fmtid="{D5CDD505-2E9C-101B-9397-08002B2CF9AE}" pid="142" name="Folder_UpdateDate">
    <vt:lpwstr> </vt:lpwstr>
  </property>
  <property fmtid="{D5CDD505-2E9C-101B-9397-08002B2CF9AE}" pid="143" name="Folder_UpdateDesc">
    <vt:lpwstr> </vt:lpwstr>
  </property>
  <property fmtid="{D5CDD505-2E9C-101B-9397-08002B2CF9AE}" pid="144" name="Folder_Updater">
    <vt:lpwstr> </vt:lpwstr>
  </property>
  <property fmtid="{D5CDD505-2E9C-101B-9397-08002B2CF9AE}" pid="145" name="Ram_Document_AltName_AltName">
    <vt:lpwstr> </vt:lpwstr>
  </property>
  <property fmtid="{D5CDD505-2E9C-101B-9397-08002B2CF9AE}" pid="146" name="Ram_Document_AltName_DocName">
    <vt:lpwstr> </vt:lpwstr>
  </property>
  <property fmtid="{D5CDD505-2E9C-101B-9397-08002B2CF9AE}" pid="147" name="Ram_Document_AltName_Part1">
    <vt:lpwstr> </vt:lpwstr>
  </property>
  <property fmtid="{D5CDD505-2E9C-101B-9397-08002B2CF9AE}" pid="148" name="Ram_Document_AltName_Part2">
    <vt:lpwstr> </vt:lpwstr>
  </property>
  <property fmtid="{D5CDD505-2E9C-101B-9397-08002B2CF9AE}" pid="149" name="Ram_Document_AltName_Part3">
    <vt:lpwstr> </vt:lpwstr>
  </property>
  <property fmtid="{D5CDD505-2E9C-101B-9397-08002B2CF9AE}" pid="150" name="Ram_Document_AltName_Part4">
    <vt:lpwstr> </vt:lpwstr>
  </property>
  <property fmtid="{D5CDD505-2E9C-101B-9397-08002B2CF9AE}" pid="151" name="Ram_Document_AltName_Part5">
    <vt:lpwstr> </vt:lpwstr>
  </property>
  <property fmtid="{D5CDD505-2E9C-101B-9397-08002B2CF9AE}" pid="152" name="Ram_Document_AltName_Part6">
    <vt:lpwstr> </vt:lpwstr>
  </property>
  <property fmtid="{D5CDD505-2E9C-101B-9397-08002B2CF9AE}" pid="153" name="Ram_Document_AltName_Part7">
    <vt:lpwstr> </vt:lpwstr>
  </property>
  <property fmtid="{D5CDD505-2E9C-101B-9397-08002B2CF9AE}" pid="154" name="Ram_Document_AltName_Part8">
    <vt:lpwstr> </vt:lpwstr>
  </property>
  <property fmtid="{D5CDD505-2E9C-101B-9397-08002B2CF9AE}" pid="155" name="Ram_Document_AltName_Part9">
    <vt:lpwstr> </vt:lpwstr>
  </property>
  <property fmtid="{D5CDD505-2E9C-101B-9397-08002B2CF9AE}" pid="156" name="Ram_Document_CustomerDocName">
    <vt:lpwstr> </vt:lpwstr>
  </property>
  <property fmtid="{D5CDD505-2E9C-101B-9397-08002B2CF9AE}" pid="157" name="Ram_Document_CustomerDocNumber">
    <vt:lpwstr> </vt:lpwstr>
  </property>
  <property fmtid="{D5CDD505-2E9C-101B-9397-08002B2CF9AE}" pid="158" name="Ram_Project_ClientName">
    <vt:lpwstr> </vt:lpwstr>
  </property>
  <property fmtid="{D5CDD505-2E9C-101B-9397-08002B2CF9AE}" pid="159" name="Ram_WorkArea_Client">
    <vt:lpwstr> </vt:lpwstr>
  </property>
  <property fmtid="{D5CDD505-2E9C-101B-9397-08002B2CF9AE}" pid="160" name="Ram_WorkArea_ProjectName">
    <vt:lpwstr> </vt:lpwstr>
  </property>
  <property fmtid="{D5CDD505-2E9C-101B-9397-08002B2CF9AE}" pid="161" name="Ram_Document_ApprovedBy">
    <vt:lpwstr> </vt:lpwstr>
  </property>
  <property fmtid="{D5CDD505-2E9C-101B-9397-08002B2CF9AE}" pid="162" name="Ram_Document_CheckedBy">
    <vt:lpwstr> </vt:lpwstr>
  </property>
  <property fmtid="{D5CDD505-2E9C-101B-9397-08002B2CF9AE}" pid="163" name="Ram_Document_Date">
    <vt:lpwstr> </vt:lpwstr>
  </property>
  <property fmtid="{D5CDD505-2E9C-101B-9397-08002B2CF9AE}" pid="164" name="Ram_Document_DocID">
    <vt:lpwstr> </vt:lpwstr>
  </property>
  <property fmtid="{D5CDD505-2E9C-101B-9397-08002B2CF9AE}" pid="165" name="Ram_Document_DocStructureID">
    <vt:lpwstr> </vt:lpwstr>
  </property>
  <property fmtid="{D5CDD505-2E9C-101B-9397-08002B2CF9AE}" pid="166" name="Ram_Document_PreparedBy">
    <vt:lpwstr> </vt:lpwstr>
  </property>
  <property fmtid="{D5CDD505-2E9C-101B-9397-08002B2CF9AE}" pid="167" name="Ram_Document_Title1">
    <vt:lpwstr> </vt:lpwstr>
  </property>
  <property fmtid="{D5CDD505-2E9C-101B-9397-08002B2CF9AE}" pid="168" name="Ram_Document_Title2">
    <vt:lpwstr> </vt:lpwstr>
  </property>
  <property fmtid="{D5CDD505-2E9C-101B-9397-08002B2CF9AE}" pid="169" name="Ram_Document_Version">
    <vt:lpwstr> </vt:lpwstr>
  </property>
  <property fmtid="{D5CDD505-2E9C-101B-9397-08002B2CF9AE}" pid="170" name="Ram_Document_VersionDescription">
    <vt:lpwstr> </vt:lpwstr>
  </property>
  <property fmtid="{D5CDD505-2E9C-101B-9397-08002B2CF9AE}" pid="171" name="Ram_Project_Name">
    <vt:lpwstr> </vt:lpwstr>
  </property>
  <property fmtid="{D5CDD505-2E9C-101B-9397-08002B2CF9AE}" pid="172" name="Ram_Project_Number">
    <vt:lpwstr> </vt:lpwstr>
  </property>
  <property fmtid="{D5CDD505-2E9C-101B-9397-08002B2CF9AE}" pid="173" name="Ram_Document_Project_Field1">
    <vt:lpwstr> </vt:lpwstr>
  </property>
  <property fmtid="{D5CDD505-2E9C-101B-9397-08002B2CF9AE}" pid="174" name="Ram_Document_Project_Field2">
    <vt:lpwstr> </vt:lpwstr>
  </property>
  <property fmtid="{D5CDD505-2E9C-101B-9397-08002B2CF9AE}" pid="175" name="Ram_Document_Project_Field3">
    <vt:lpwstr> </vt:lpwstr>
  </property>
  <property fmtid="{D5CDD505-2E9C-101B-9397-08002B2CF9AE}" pid="176" name="Ram_Document_PreparedBy_FullName">
    <vt:lpwstr> </vt:lpwstr>
  </property>
  <property fmtid="{D5CDD505-2E9C-101B-9397-08002B2CF9AE}" pid="177" name="Ram_Document_Client_Version">
    <vt:lpwstr> </vt:lpwstr>
  </property>
  <property fmtid="{D5CDD505-2E9C-101B-9397-08002B2CF9AE}" pid="178" name="Ram_Document_Client_Version_Description">
    <vt:lpwstr> </vt:lpwstr>
  </property>
  <property fmtid="{D5CDD505-2E9C-101B-9397-08002B2CF9AE}" pid="179" name="Ram_Document_URN">
    <vt:lpwstr> </vt:lpwstr>
  </property>
  <property fmtid="{D5CDD505-2E9C-101B-9397-08002B2CF9AE}" pid="180" name="Doc_CreatedDate">
    <vt:lpwstr> </vt:lpwstr>
  </property>
  <property fmtid="{D5CDD505-2E9C-101B-9397-08002B2CF9AE}" pid="181" name="Ram_Project_Manager">
    <vt:lpwstr> </vt:lpwstr>
  </property>
  <property fmtid="{D5CDD505-2E9C-101B-9397-08002B2CF9AE}" pid="182" name="Ram_WorkArea_MaconomyProjectID">
    <vt:lpwstr> </vt:lpwstr>
  </property>
  <property fmtid="{D5CDD505-2E9C-101B-9397-08002B2CF9AE}" pid="183" name="MSIP_Label_20ea7001-5c24-4702-a3ac-e436ccb02747_Enabled">
    <vt:lpwstr>true</vt:lpwstr>
  </property>
  <property fmtid="{D5CDD505-2E9C-101B-9397-08002B2CF9AE}" pid="184" name="MSIP_Label_20ea7001-5c24-4702-a3ac-e436ccb02747_SetDate">
    <vt:lpwstr>2024-05-17T07:38:30Z</vt:lpwstr>
  </property>
  <property fmtid="{D5CDD505-2E9C-101B-9397-08002B2CF9AE}" pid="185" name="MSIP_Label_20ea7001-5c24-4702-a3ac-e436ccb02747_Method">
    <vt:lpwstr>Standard</vt:lpwstr>
  </property>
  <property fmtid="{D5CDD505-2E9C-101B-9397-08002B2CF9AE}" pid="186" name="MSIP_Label_20ea7001-5c24-4702-a3ac-e436ccb02747_Name">
    <vt:lpwstr>Confidential</vt:lpwstr>
  </property>
  <property fmtid="{D5CDD505-2E9C-101B-9397-08002B2CF9AE}" pid="187" name="MSIP_Label_20ea7001-5c24-4702-a3ac-e436ccb02747_SiteId">
    <vt:lpwstr>c8823c91-be81-4f89-b024-6c3dd789c106</vt:lpwstr>
  </property>
  <property fmtid="{D5CDD505-2E9C-101B-9397-08002B2CF9AE}" pid="188" name="MSIP_Label_20ea7001-5c24-4702-a3ac-e436ccb02747_ActionId">
    <vt:lpwstr>fa34201e-11dc-42f1-b3b0-030f76b6f9f5</vt:lpwstr>
  </property>
  <property fmtid="{D5CDD505-2E9C-101B-9397-08002B2CF9AE}" pid="189" name="MSIP_Label_20ea7001-5c24-4702-a3ac-e436ccb02747_ContentBits">
    <vt:lpwstr>2</vt:lpwstr>
  </property>
</Properties>
</file>